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0"/>
  </p:sldMasterIdLst>
  <p:notesMasterIdLst>
    <p:notesMasterId r:id="rId26"/>
  </p:notesMasterIdLst>
  <p:handoutMasterIdLst>
    <p:handoutMasterId r:id="rId27"/>
  </p:handoutMasterIdLst>
  <p:sldIdLst>
    <p:sldId id="260" r:id="rId11"/>
    <p:sldId id="316" r:id="rId12"/>
    <p:sldId id="318" r:id="rId13"/>
    <p:sldId id="319" r:id="rId14"/>
    <p:sldId id="326" r:id="rId15"/>
    <p:sldId id="325" r:id="rId16"/>
    <p:sldId id="315" r:id="rId17"/>
    <p:sldId id="321" r:id="rId18"/>
    <p:sldId id="323" r:id="rId19"/>
    <p:sldId id="327" r:id="rId20"/>
    <p:sldId id="322" r:id="rId21"/>
    <p:sldId id="308" r:id="rId22"/>
    <p:sldId id="314" r:id="rId23"/>
    <p:sldId id="301" r:id="rId24"/>
    <p:sldId id="256" r:id="rId25"/>
  </p:sldIdLst>
  <p:sldSz cx="12190413" cy="6858000"/>
  <p:notesSz cx="7099300" cy="10234613"/>
  <p:custDataLst>
    <p:tags r:id="rId28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975" autoAdjust="0"/>
    <p:restoredTop sz="95488" autoAdjust="0"/>
  </p:normalViewPr>
  <p:slideViewPr>
    <p:cSldViewPr showGuides="1">
      <p:cViewPr varScale="1">
        <p:scale>
          <a:sx n="68" d="100"/>
          <a:sy n="68" d="100"/>
        </p:scale>
        <p:origin x="504" y="36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tags" Target="tags/tag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4021294" y="0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721106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4021294" y="9721106"/>
            <a:ext cx="3076363" cy="51173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4022937" y="0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46574" y="4861441"/>
            <a:ext cx="5206153" cy="460557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722882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4022937" y="9722882"/>
            <a:ext cx="3076363" cy="51173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9048" tIns="49524" rIns="99048" bIns="49524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3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0716272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70f96b85-2746-4a15-b57f-74bcf1f2d393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Environment</a:t>
            </a:r>
          </a:p>
        </p:txBody>
      </p:sp>
      <p:sp>
        <p:nvSpPr>
          <p:cNvPr id="5" name="date" descr="{&quot;templafy&quot;:{&quot;id&quot;:&quot;7b8cf55f-1aed-4500-b47e-8b6a5043dd4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0. </a:t>
            </a:r>
            <a:r>
              <a:rPr kumimoji="0" lang="en-GB" sz="700" b="1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maj</a:t>
            </a: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 2021</a:t>
            </a:r>
          </a:p>
        </p:txBody>
      </p:sp>
      <p:sp>
        <p:nvSpPr>
          <p:cNvPr id="7" name="text" descr="{&quot;templafy&quot;:{&quot;id&quot;:&quot;1f272adb-de92-403d-8f16-8bec2129af9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err="1">
                <a:solidFill>
                  <a:schemeClr val="bg1"/>
                </a:solidFill>
                <a:latin typeface="+mn-lt"/>
              </a:rPr>
              <a:t>Transportudvalget</a:t>
            </a:r>
            <a:r>
              <a:rPr lang="en-GB" sz="700" dirty="0">
                <a:solidFill>
                  <a:schemeClr val="bg1"/>
                </a:solidFill>
                <a:latin typeface="+mn-lt"/>
              </a:rPr>
              <a:t> 20.</a:t>
            </a:r>
            <a:r>
              <a:rPr lang="en-GB" sz="700" baseline="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700" baseline="0" dirty="0" err="1">
                <a:solidFill>
                  <a:schemeClr val="bg1"/>
                </a:solidFill>
                <a:latin typeface="+mn-lt"/>
              </a:rPr>
              <a:t>maj</a:t>
            </a:r>
            <a:r>
              <a:rPr lang="en-GB" sz="700" baseline="0" dirty="0">
                <a:solidFill>
                  <a:schemeClr val="bg1"/>
                </a:solidFill>
                <a:latin typeface="+mn-lt"/>
              </a:rPr>
              <a:t> 2021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>
              <a:lnSpc>
                <a:spcPct val="110000"/>
              </a:lnSpc>
              <a:spcBef>
                <a:spcPts val="0"/>
              </a:spcBef>
            </a:pPr>
            <a:br>
              <a:rPr lang="en-GB" sz="4800" dirty="0"/>
            </a:br>
            <a:r>
              <a:rPr lang="en-GB" sz="3200" dirty="0">
                <a:latin typeface="+mn-lt"/>
                <a:ea typeface="+mn-ea"/>
                <a:cs typeface="+mn-cs"/>
              </a:rPr>
              <a:t>Karsten Arnbjerg-Nielsen, professor, DTU Sustain</a:t>
            </a:r>
            <a:br>
              <a:rPr lang="en-GB" sz="3200" dirty="0">
                <a:latin typeface="+mn-lt"/>
                <a:ea typeface="+mn-ea"/>
                <a:cs typeface="+mn-cs"/>
              </a:rPr>
            </a:br>
            <a:endParaRPr lang="en-GB" sz="3200" dirty="0">
              <a:latin typeface="+mn-lt"/>
              <a:ea typeface="+mn-ea"/>
              <a:cs typeface="+mn-cs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sz="3600" b="1" dirty="0" err="1"/>
              <a:t>Lynetteholms</a:t>
            </a:r>
            <a:r>
              <a:rPr lang="en-GB" sz="3600" b="1" dirty="0"/>
              <a:t> </a:t>
            </a:r>
            <a:r>
              <a:rPr lang="en-GB" sz="3600" b="1" dirty="0" err="1"/>
              <a:t>betydning</a:t>
            </a:r>
            <a:r>
              <a:rPr lang="en-GB" sz="3600" b="1" dirty="0"/>
              <a:t> for </a:t>
            </a:r>
            <a:r>
              <a:rPr lang="en-GB" sz="3600" b="1" dirty="0" err="1"/>
              <a:t>klimasikring</a:t>
            </a:r>
            <a:r>
              <a:rPr lang="en-GB" sz="3600" b="1" dirty="0"/>
              <a:t> og </a:t>
            </a:r>
            <a:r>
              <a:rPr lang="en-GB" sz="3600" b="1" dirty="0" err="1"/>
              <a:t>stormflodssikring</a:t>
            </a:r>
            <a:endParaRPr lang="en-GB" sz="3600" b="1" dirty="0"/>
          </a:p>
          <a:p>
            <a:r>
              <a:rPr lang="en-GB" sz="3600" b="1" dirty="0" err="1"/>
              <a:t>Borgermøde</a:t>
            </a:r>
            <a:r>
              <a:rPr lang="en-GB" sz="3600" b="1" dirty="0"/>
              <a:t>, </a:t>
            </a:r>
            <a:r>
              <a:rPr lang="en-GB" sz="3600" b="1" dirty="0" err="1"/>
              <a:t>Christianshavn</a:t>
            </a:r>
            <a:r>
              <a:rPr lang="en-GB" sz="3600" b="1" dirty="0"/>
              <a:t> </a:t>
            </a:r>
            <a:r>
              <a:rPr lang="en-GB" sz="3600" b="1" dirty="0" err="1"/>
              <a:t>Lokaludvalg</a:t>
            </a:r>
            <a:endParaRPr lang="en-GB" sz="3600" b="1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iljøforhold (1)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1774825" y="1728727"/>
            <a:ext cx="4410075" cy="4502271"/>
          </a:xfrm>
          <a:prstGeom prst="rect">
            <a:avLst/>
          </a:prstGeom>
        </p:spPr>
      </p:pic>
      <p:sp>
        <p:nvSpPr>
          <p:cNvPr id="8" name="Content Placeholder 7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Det tager i gennemsnit en dråbe en uge at passere Øresund (fra syd mod nord)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Kilder til forurening fra hele området</a:t>
            </a:r>
          </a:p>
          <a:p>
            <a:r>
              <a:rPr lang="da-DK" dirty="0"/>
              <a:t>Landbrug</a:t>
            </a:r>
          </a:p>
          <a:p>
            <a:r>
              <a:rPr lang="da-DK" dirty="0"/>
              <a:t>Industri</a:t>
            </a:r>
          </a:p>
          <a:p>
            <a:r>
              <a:rPr lang="da-DK" dirty="0"/>
              <a:t>Byer</a:t>
            </a:r>
          </a:p>
          <a:p>
            <a:endParaRPr lang="da-DK" dirty="0"/>
          </a:p>
          <a:p>
            <a:pPr marL="0" indent="0">
              <a:buNone/>
            </a:pPr>
            <a:r>
              <a:rPr lang="da-DK" dirty="0"/>
              <a:t>Vigtige facts</a:t>
            </a:r>
          </a:p>
          <a:p>
            <a:r>
              <a:rPr lang="da-DK" dirty="0"/>
              <a:t>Øresund er i over 100 år blevet anset for et af Danmarks mest robuste </a:t>
            </a:r>
            <a:r>
              <a:rPr lang="da-DK" dirty="0" err="1"/>
              <a:t>vandoplande</a:t>
            </a:r>
            <a:r>
              <a:rPr lang="da-DK" dirty="0"/>
              <a:t>. </a:t>
            </a:r>
          </a:p>
          <a:p>
            <a:r>
              <a:rPr lang="da-DK" dirty="0"/>
              <a:t>Det er ikke Lynetteholm, der gør fra eller ti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338861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Miljøforhold (2) - i forhold til SVM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613548" y="4645868"/>
            <a:ext cx="5810250" cy="2095500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6694" y="2060848"/>
            <a:ext cx="2993180" cy="4230291"/>
          </a:xfrm>
          <a:prstGeom prst="rect">
            <a:avLst/>
          </a:prstGeom>
        </p:spPr>
      </p:pic>
      <p:sp>
        <p:nvSpPr>
          <p:cNvPr id="8" name="TextBox 7"/>
          <p:cNvSpPr txBox="1"/>
          <p:nvPr/>
        </p:nvSpPr>
        <p:spPr>
          <a:xfrm>
            <a:off x="5303118" y="2089448"/>
            <a:ext cx="5555260" cy="23288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VVM/SVM: 	0,25% vandføringsændring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limaændringer: 	pt. 2 km nordpå og 4 mm opad hvert år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		mere vand</a:t>
            </a:r>
          </a:p>
          <a:p>
            <a:pPr algn="l">
              <a:spcBef>
                <a:spcPts val="432"/>
              </a:spcBef>
            </a:pP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2070: 		0,20-0,25 m højere vandstand, 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		10-20% mere vandføring,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		storme</a:t>
            </a:r>
          </a:p>
        </p:txBody>
      </p:sp>
    </p:spTree>
    <p:extLst>
      <p:ext uri="{BB962C8B-B14F-4D97-AF65-F5344CB8AC3E}">
        <p14:creationId xmlns:p14="http://schemas.microsoft.com/office/powerpoint/2010/main" val="267685285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matilpasning handler (ofte) om synergi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endParaRPr lang="da-DK" dirty="0"/>
          </a:p>
          <a:p>
            <a:r>
              <a:rPr lang="da-DK" dirty="0"/>
              <a:t>Det er defensivt kun at beskytte, men det kan være nødvendigt</a:t>
            </a:r>
          </a:p>
          <a:p>
            <a:endParaRPr lang="da-DK" dirty="0"/>
          </a:p>
          <a:p>
            <a:r>
              <a:rPr lang="da-DK" dirty="0"/>
              <a:t>Ved rettidig planlægning kan vi høste synergier</a:t>
            </a:r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39350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ynergier (+/-) ved Lynetteholm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r>
              <a:rPr lang="da-DK" dirty="0"/>
              <a:t>Løser problem med overskudsjord</a:t>
            </a:r>
          </a:p>
          <a:p>
            <a:endParaRPr lang="da-DK" dirty="0"/>
          </a:p>
          <a:p>
            <a:r>
              <a:rPr lang="da-DK" dirty="0"/>
              <a:t>Giver mulighed for at København selv kan betale for stormflodssikring via ny landindvinding</a:t>
            </a:r>
          </a:p>
          <a:p>
            <a:endParaRPr lang="da-DK" dirty="0"/>
          </a:p>
          <a:p>
            <a:r>
              <a:rPr lang="da-DK" dirty="0"/>
              <a:t>Skal ligge tæt på eksisterende områder for at maksimere </a:t>
            </a:r>
            <a:r>
              <a:rPr lang="da-DK" dirty="0" err="1"/>
              <a:t>synergier</a:t>
            </a:r>
            <a:endParaRPr lang="da-DK" dirty="0"/>
          </a:p>
          <a:p>
            <a:endParaRPr lang="da-DK" dirty="0"/>
          </a:p>
          <a:p>
            <a:r>
              <a:rPr lang="da-DK" dirty="0"/>
              <a:t>Som lokal borger ville jeg satse på at få styr på stormflodsporten – hvad og hvor og hvad med det lokale miljø i havnen. Øresund bliver ikke særligt påvirket af de aktiviteter som Lynetteholm medfører og I (vi!) har VIRKELIGT brug for stormflodssikringen.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834702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vt alternativer skal findes hurtigt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7" name="Content Placeholder 5"/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1774825" y="2174314"/>
            <a:ext cx="4410075" cy="3611097"/>
          </a:xfrm>
          <a:prstGeom prst="rect">
            <a:avLst/>
          </a:prstGeom>
        </p:spPr>
      </p:pic>
      <p:pic>
        <p:nvPicPr>
          <p:cNvPr id="8" name="Content Placeholder 7"/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678613" y="2174964"/>
            <a:ext cx="4408487" cy="36097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320314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aggrund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Professor i </a:t>
            </a:r>
            <a:r>
              <a:rPr lang="da-DK" dirty="0" err="1"/>
              <a:t>klimatilpasning</a:t>
            </a:r>
            <a:r>
              <a:rPr lang="da-DK" dirty="0"/>
              <a:t> af vand, især oversvømmelser </a:t>
            </a:r>
            <a:br>
              <a:rPr lang="da-DK" dirty="0"/>
            </a:br>
            <a:br>
              <a:rPr lang="da-DK" dirty="0"/>
            </a:br>
            <a:r>
              <a:rPr lang="da-DK" i="1" dirty="0"/>
              <a:t>Ham, der skal minde om, at vi i mindre og mindre grad kan basere vores beslutninger på vores egne erfaringer </a:t>
            </a:r>
            <a:r>
              <a:rPr lang="da-DK" i="1" dirty="0">
                <a:sym typeface="Wingdings" panose="05000000000000000000" pitchFamily="2" charset="2"/>
              </a:rPr>
              <a:t></a:t>
            </a:r>
            <a:endParaRPr lang="da-DK" i="1" dirty="0"/>
          </a:p>
          <a:p>
            <a:endParaRPr lang="da-DK" dirty="0"/>
          </a:p>
          <a:p>
            <a:r>
              <a:rPr lang="da-DK" dirty="0"/>
              <a:t>En af 7 eksperter som holdt indlæg ved høring i Transportudvalget </a:t>
            </a:r>
            <a:r>
              <a:rPr lang="da-DK" dirty="0" err="1"/>
              <a:t>ifm</a:t>
            </a:r>
            <a:r>
              <a:rPr lang="da-DK" dirty="0"/>
              <a:t> vedtagelse af loven om Lynetteholm</a:t>
            </a:r>
          </a:p>
          <a:p>
            <a:endParaRPr lang="da-DK" dirty="0"/>
          </a:p>
          <a:p>
            <a:r>
              <a:rPr lang="da-DK" dirty="0"/>
              <a:t>Arbejder også med både badevand og udledninger fra byer</a:t>
            </a:r>
            <a:endParaRPr lang="da-DK" dirty="0">
              <a:sym typeface="Wingdings" panose="05000000000000000000" pitchFamily="2" charset="2"/>
            </a:endParaRPr>
          </a:p>
          <a:p>
            <a:endParaRPr lang="da-DK" dirty="0">
              <a:sym typeface="Wingdings" panose="05000000000000000000" pitchFamily="2" charset="2"/>
            </a:endParaRPr>
          </a:p>
          <a:p>
            <a:r>
              <a:rPr lang="da-DK" dirty="0">
                <a:sym typeface="Wingdings" panose="05000000000000000000" pitchFamily="2" charset="2"/>
              </a:rPr>
              <a:t>Alt i alt kraftig fortaler for Lynetteholm </a:t>
            </a:r>
          </a:p>
          <a:p>
            <a:pPr lvl="1"/>
            <a:r>
              <a:rPr lang="da-DK" dirty="0">
                <a:sym typeface="Wingdings" panose="05000000000000000000" pitchFamily="2" charset="2"/>
              </a:rPr>
              <a:t>fordi jeg ikke kan se andre realistiske løsninger</a:t>
            </a:r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67582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matilpasning er et af </a:t>
            </a:r>
            <a:r>
              <a:rPr lang="da-DK" dirty="0" err="1"/>
              <a:t>kinderæggets</a:t>
            </a:r>
            <a:r>
              <a:rPr lang="da-DK" dirty="0"/>
              <a:t> fordele</a:t>
            </a:r>
            <a:br>
              <a:rPr lang="da-DK" dirty="0"/>
            </a:br>
            <a:r>
              <a:rPr lang="da-DK" dirty="0"/>
              <a:t> - men det står ikke i VVM / SMV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3043" y="2895600"/>
            <a:ext cx="11744325" cy="10668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3775" y="2037008"/>
            <a:ext cx="11725275" cy="70485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4250" y="4116142"/>
            <a:ext cx="11734800" cy="1323975"/>
          </a:xfrm>
          <a:prstGeom prst="rect">
            <a:avLst/>
          </a:prstGeom>
        </p:spPr>
      </p:pic>
      <p:sp>
        <p:nvSpPr>
          <p:cNvPr id="9" name="Oval 8"/>
          <p:cNvSpPr/>
          <p:nvPr/>
        </p:nvSpPr>
        <p:spPr bwMode="auto">
          <a:xfrm>
            <a:off x="5231110" y="3284984"/>
            <a:ext cx="6736258" cy="504056"/>
          </a:xfrm>
          <a:prstGeom prst="ellipse">
            <a:avLst/>
          </a:prstGeom>
          <a:solidFill>
            <a:schemeClr val="bg1">
              <a:lumMod val="75000"/>
              <a:alpha val="50000"/>
            </a:schemeClr>
          </a:solidFill>
          <a:ln w="1905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06104584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ra rapporten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10830" y="2385814"/>
            <a:ext cx="5715000" cy="1619250"/>
          </a:xfrm>
          <a:prstGeom prst="rect">
            <a:avLst/>
          </a:prstGeom>
        </p:spPr>
      </p:pic>
      <p:cxnSp>
        <p:nvCxnSpPr>
          <p:cNvPr id="8" name="Straight Connector 7"/>
          <p:cNvCxnSpPr/>
          <p:nvPr/>
        </p:nvCxnSpPr>
        <p:spPr bwMode="auto">
          <a:xfrm>
            <a:off x="7010003" y="3465934"/>
            <a:ext cx="1080120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/>
          <p:nvPr/>
        </p:nvCxnSpPr>
        <p:spPr bwMode="auto">
          <a:xfrm>
            <a:off x="2710830" y="3681958"/>
            <a:ext cx="5451301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/>
          <p:cNvCxnSpPr/>
          <p:nvPr/>
        </p:nvCxnSpPr>
        <p:spPr bwMode="auto">
          <a:xfrm>
            <a:off x="2710830" y="3897982"/>
            <a:ext cx="554757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9007876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er basis?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14886" y="1772816"/>
            <a:ext cx="5030961" cy="4209580"/>
          </a:xfr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7" name="TextBox 6"/>
          <p:cNvSpPr txBox="1"/>
          <p:nvPr/>
        </p:nvSpPr>
        <p:spPr>
          <a:xfrm>
            <a:off x="419483" y="5445224"/>
            <a:ext cx="271048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ygge Lynetteholm </a:t>
            </a:r>
            <a:endParaRPr lang="da-DK" dirty="0">
              <a:latin typeface="+mn-lt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8571813" y="4183340"/>
            <a:ext cx="3646832" cy="163121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Jord bruges andre steder</a:t>
            </a:r>
          </a:p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By bygges andre steder</a:t>
            </a:r>
          </a:p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Finansiering af beskyttelse</a:t>
            </a:r>
          </a:p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…</a:t>
            </a:r>
          </a:p>
        </p:txBody>
      </p:sp>
      <p:sp>
        <p:nvSpPr>
          <p:cNvPr id="9" name="TextBox 8"/>
          <p:cNvSpPr txBox="1"/>
          <p:nvPr/>
        </p:nvSpPr>
        <p:spPr>
          <a:xfrm>
            <a:off x="406574" y="3356992"/>
            <a:ext cx="73738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Diger</a:t>
            </a:r>
            <a:endParaRPr lang="da-DK" dirty="0"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8571813" y="3356992"/>
            <a:ext cx="284052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400" dirty="0">
                <a:latin typeface="+mn-lt"/>
              </a:rPr>
              <a:t>Huse oversvømmes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463084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9" grpId="0"/>
      <p:bldP spid="10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t koster CO</a:t>
            </a:r>
            <a:r>
              <a:rPr lang="da-DK" baseline="-25000" dirty="0"/>
              <a:t>2</a:t>
            </a:r>
            <a:r>
              <a:rPr lang="da-DK" dirty="0"/>
              <a:t> at oversvømme et hus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34566" y="1556792"/>
            <a:ext cx="4404808" cy="2226493"/>
          </a:xfrm>
          <a:prstGeom prst="rect">
            <a:avLst/>
          </a:prstGeom>
          <a:ln>
            <a:solidFill>
              <a:schemeClr val="tx1"/>
            </a:solidFill>
          </a:ln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7" name="Content Placeholder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 bwMode="auto">
          <a:xfrm>
            <a:off x="4003138" y="2348880"/>
            <a:ext cx="8187275" cy="4412068"/>
          </a:xfrm>
          <a:prstGeom prst="rect">
            <a:avLst/>
          </a:prstGeom>
          <a:noFill/>
          <a:ln w="9525">
            <a:solidFill>
              <a:schemeClr val="tx1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176859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ukning af nordlige åbning er en fortsættelse af strategien efter 1864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/>
          <a:srcRect l="18899" t="6826" r="637" b="4977"/>
          <a:stretch/>
        </p:blipFill>
        <p:spPr>
          <a:xfrm>
            <a:off x="4571227" y="1395599"/>
            <a:ext cx="8436747" cy="5201753"/>
          </a:xfrm>
          <a:prstGeom prst="rect">
            <a:avLst/>
          </a:prstGeom>
        </p:spPr>
      </p:pic>
      <p:sp>
        <p:nvSpPr>
          <p:cNvPr id="7" name="Freeform 6"/>
          <p:cNvSpPr/>
          <p:nvPr/>
        </p:nvSpPr>
        <p:spPr bwMode="auto">
          <a:xfrm>
            <a:off x="9480192" y="3851017"/>
            <a:ext cx="1088163" cy="1947122"/>
          </a:xfrm>
          <a:custGeom>
            <a:avLst/>
            <a:gdLst>
              <a:gd name="connsiteX0" fmla="*/ 486768 w 1088163"/>
              <a:gd name="connsiteY0" fmla="*/ 57732 h 1947122"/>
              <a:gd name="connsiteX1" fmla="*/ 557426 w 1088163"/>
              <a:gd name="connsiteY1" fmla="*/ 3699 h 1947122"/>
              <a:gd name="connsiteX2" fmla="*/ 632241 w 1088163"/>
              <a:gd name="connsiteY2" fmla="*/ 161641 h 1947122"/>
              <a:gd name="connsiteX3" fmla="*/ 752775 w 1088163"/>
              <a:gd name="connsiteY3" fmla="*/ 344521 h 1947122"/>
              <a:gd name="connsiteX4" fmla="*/ 810964 w 1088163"/>
              <a:gd name="connsiteY4" fmla="*/ 581434 h 1947122"/>
              <a:gd name="connsiteX5" fmla="*/ 931499 w 1088163"/>
              <a:gd name="connsiteY5" fmla="*/ 756001 h 1947122"/>
              <a:gd name="connsiteX6" fmla="*/ 1010470 w 1088163"/>
              <a:gd name="connsiteY6" fmla="*/ 1038634 h 1947122"/>
              <a:gd name="connsiteX7" fmla="*/ 1018783 w 1088163"/>
              <a:gd name="connsiteY7" fmla="*/ 1175794 h 1947122"/>
              <a:gd name="connsiteX8" fmla="*/ 1081128 w 1088163"/>
              <a:gd name="connsiteY8" fmla="*/ 1375299 h 1947122"/>
              <a:gd name="connsiteX9" fmla="*/ 1081128 w 1088163"/>
              <a:gd name="connsiteY9" fmla="*/ 1404394 h 1947122"/>
              <a:gd name="connsiteX10" fmla="*/ 1031252 w 1088163"/>
              <a:gd name="connsiteY10" fmla="*/ 1416863 h 1947122"/>
              <a:gd name="connsiteX11" fmla="*/ 964750 w 1088163"/>
              <a:gd name="connsiteY11" fmla="*/ 1450114 h 1947122"/>
              <a:gd name="connsiteX12" fmla="*/ 827590 w 1088163"/>
              <a:gd name="connsiteY12" fmla="*/ 1583117 h 1947122"/>
              <a:gd name="connsiteX13" fmla="*/ 719524 w 1088163"/>
              <a:gd name="connsiteY13" fmla="*/ 1608055 h 1947122"/>
              <a:gd name="connsiteX14" fmla="*/ 640553 w 1088163"/>
              <a:gd name="connsiteY14" fmla="*/ 1599743 h 1947122"/>
              <a:gd name="connsiteX15" fmla="*/ 603146 w 1088163"/>
              <a:gd name="connsiteY15" fmla="*/ 1703652 h 1947122"/>
              <a:gd name="connsiteX16" fmla="*/ 366233 w 1088163"/>
              <a:gd name="connsiteY16" fmla="*/ 1878219 h 1947122"/>
              <a:gd name="connsiteX17" fmla="*/ 308044 w 1088163"/>
              <a:gd name="connsiteY17" fmla="*/ 1940565 h 1947122"/>
              <a:gd name="connsiteX18" fmla="*/ 278950 w 1088163"/>
              <a:gd name="connsiteY18" fmla="*/ 1940565 h 1947122"/>
              <a:gd name="connsiteX19" fmla="*/ 216604 w 1088163"/>
              <a:gd name="connsiteY19" fmla="*/ 1899001 h 1947122"/>
              <a:gd name="connsiteX20" fmla="*/ 150103 w 1088163"/>
              <a:gd name="connsiteY20" fmla="*/ 1899001 h 1947122"/>
              <a:gd name="connsiteX21" fmla="*/ 133477 w 1088163"/>
              <a:gd name="connsiteY21" fmla="*/ 1874063 h 1947122"/>
              <a:gd name="connsiteX22" fmla="*/ 83601 w 1088163"/>
              <a:gd name="connsiteY22" fmla="*/ 1874063 h 1947122"/>
              <a:gd name="connsiteX23" fmla="*/ 21255 w 1088163"/>
              <a:gd name="connsiteY23" fmla="*/ 1790935 h 1947122"/>
              <a:gd name="connsiteX24" fmla="*/ 473 w 1088163"/>
              <a:gd name="connsiteY24" fmla="*/ 1645463 h 1947122"/>
              <a:gd name="connsiteX25" fmla="*/ 37881 w 1088163"/>
              <a:gd name="connsiteY25" fmla="*/ 1566492 h 1947122"/>
              <a:gd name="connsiteX26" fmla="*/ 133477 w 1088163"/>
              <a:gd name="connsiteY26" fmla="*/ 1358674 h 1947122"/>
              <a:gd name="connsiteX27" fmla="*/ 125164 w 1088163"/>
              <a:gd name="connsiteY27" fmla="*/ 1213201 h 1947122"/>
              <a:gd name="connsiteX28" fmla="*/ 150103 w 1088163"/>
              <a:gd name="connsiteY28" fmla="*/ 1159168 h 1947122"/>
              <a:gd name="connsiteX29" fmla="*/ 158415 w 1088163"/>
              <a:gd name="connsiteY29" fmla="*/ 818346 h 1947122"/>
              <a:gd name="connsiteX30" fmla="*/ 141790 w 1088163"/>
              <a:gd name="connsiteY30" fmla="*/ 743532 h 1947122"/>
              <a:gd name="connsiteX31" fmla="*/ 170884 w 1088163"/>
              <a:gd name="connsiteY31" fmla="*/ 568965 h 1947122"/>
              <a:gd name="connsiteX32" fmla="*/ 141790 w 1088163"/>
              <a:gd name="connsiteY32" fmla="*/ 444274 h 1947122"/>
              <a:gd name="connsiteX33" fmla="*/ 121008 w 1088163"/>
              <a:gd name="connsiteY33" fmla="*/ 294645 h 1947122"/>
              <a:gd name="connsiteX34" fmla="*/ 187510 w 1088163"/>
              <a:gd name="connsiteY34" fmla="*/ 257237 h 1947122"/>
              <a:gd name="connsiteX35" fmla="*/ 254012 w 1088163"/>
              <a:gd name="connsiteY35" fmla="*/ 211517 h 1947122"/>
              <a:gd name="connsiteX36" fmla="*/ 262324 w 1088163"/>
              <a:gd name="connsiteY36" fmla="*/ 182423 h 1947122"/>
              <a:gd name="connsiteX37" fmla="*/ 349608 w 1088163"/>
              <a:gd name="connsiteY37" fmla="*/ 169954 h 1947122"/>
              <a:gd name="connsiteX38" fmla="*/ 403641 w 1088163"/>
              <a:gd name="connsiteY38" fmla="*/ 145015 h 1947122"/>
              <a:gd name="connsiteX39" fmla="*/ 486768 w 1088163"/>
              <a:gd name="connsiteY39" fmla="*/ 57732 h 19471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</a:cxnLst>
            <a:rect l="l" t="t" r="r" b="b"/>
            <a:pathLst>
              <a:path w="1088163" h="1947122">
                <a:moveTo>
                  <a:pt x="486768" y="57732"/>
                </a:moveTo>
                <a:cubicBezTo>
                  <a:pt x="512399" y="34179"/>
                  <a:pt x="533180" y="-13619"/>
                  <a:pt x="557426" y="3699"/>
                </a:cubicBezTo>
                <a:cubicBezTo>
                  <a:pt x="581672" y="21017"/>
                  <a:pt x="599683" y="104837"/>
                  <a:pt x="632241" y="161641"/>
                </a:cubicBezTo>
                <a:cubicBezTo>
                  <a:pt x="664799" y="218445"/>
                  <a:pt x="722988" y="274556"/>
                  <a:pt x="752775" y="344521"/>
                </a:cubicBezTo>
                <a:cubicBezTo>
                  <a:pt x="782562" y="414486"/>
                  <a:pt x="781177" y="512854"/>
                  <a:pt x="810964" y="581434"/>
                </a:cubicBezTo>
                <a:cubicBezTo>
                  <a:pt x="840751" y="650014"/>
                  <a:pt x="898248" y="679801"/>
                  <a:pt x="931499" y="756001"/>
                </a:cubicBezTo>
                <a:cubicBezTo>
                  <a:pt x="964750" y="832201"/>
                  <a:pt x="995923" y="968669"/>
                  <a:pt x="1010470" y="1038634"/>
                </a:cubicBezTo>
                <a:cubicBezTo>
                  <a:pt x="1025017" y="1108600"/>
                  <a:pt x="1007007" y="1119683"/>
                  <a:pt x="1018783" y="1175794"/>
                </a:cubicBezTo>
                <a:cubicBezTo>
                  <a:pt x="1030559" y="1231905"/>
                  <a:pt x="1070737" y="1337199"/>
                  <a:pt x="1081128" y="1375299"/>
                </a:cubicBezTo>
                <a:cubicBezTo>
                  <a:pt x="1091519" y="1413399"/>
                  <a:pt x="1089441" y="1397467"/>
                  <a:pt x="1081128" y="1404394"/>
                </a:cubicBezTo>
                <a:cubicBezTo>
                  <a:pt x="1072815" y="1411321"/>
                  <a:pt x="1050648" y="1409243"/>
                  <a:pt x="1031252" y="1416863"/>
                </a:cubicBezTo>
                <a:cubicBezTo>
                  <a:pt x="1011856" y="1424483"/>
                  <a:pt x="998694" y="1422405"/>
                  <a:pt x="964750" y="1450114"/>
                </a:cubicBezTo>
                <a:cubicBezTo>
                  <a:pt x="930806" y="1477823"/>
                  <a:pt x="868461" y="1556794"/>
                  <a:pt x="827590" y="1583117"/>
                </a:cubicBezTo>
                <a:cubicBezTo>
                  <a:pt x="786719" y="1609440"/>
                  <a:pt x="750697" y="1605284"/>
                  <a:pt x="719524" y="1608055"/>
                </a:cubicBezTo>
                <a:cubicBezTo>
                  <a:pt x="688351" y="1610826"/>
                  <a:pt x="659949" y="1583810"/>
                  <a:pt x="640553" y="1599743"/>
                </a:cubicBezTo>
                <a:cubicBezTo>
                  <a:pt x="621157" y="1615676"/>
                  <a:pt x="648866" y="1657239"/>
                  <a:pt x="603146" y="1703652"/>
                </a:cubicBezTo>
                <a:cubicBezTo>
                  <a:pt x="557426" y="1750065"/>
                  <a:pt x="415417" y="1838734"/>
                  <a:pt x="366233" y="1878219"/>
                </a:cubicBezTo>
                <a:cubicBezTo>
                  <a:pt x="317049" y="1917704"/>
                  <a:pt x="322591" y="1930174"/>
                  <a:pt x="308044" y="1940565"/>
                </a:cubicBezTo>
                <a:cubicBezTo>
                  <a:pt x="293497" y="1950956"/>
                  <a:pt x="294190" y="1947492"/>
                  <a:pt x="278950" y="1940565"/>
                </a:cubicBezTo>
                <a:cubicBezTo>
                  <a:pt x="263710" y="1933638"/>
                  <a:pt x="238078" y="1905928"/>
                  <a:pt x="216604" y="1899001"/>
                </a:cubicBezTo>
                <a:cubicBezTo>
                  <a:pt x="195130" y="1892074"/>
                  <a:pt x="163957" y="1903157"/>
                  <a:pt x="150103" y="1899001"/>
                </a:cubicBezTo>
                <a:cubicBezTo>
                  <a:pt x="136249" y="1894845"/>
                  <a:pt x="144561" y="1878219"/>
                  <a:pt x="133477" y="1874063"/>
                </a:cubicBezTo>
                <a:cubicBezTo>
                  <a:pt x="122393" y="1869907"/>
                  <a:pt x="102305" y="1887918"/>
                  <a:pt x="83601" y="1874063"/>
                </a:cubicBezTo>
                <a:cubicBezTo>
                  <a:pt x="64897" y="1860208"/>
                  <a:pt x="35110" y="1829035"/>
                  <a:pt x="21255" y="1790935"/>
                </a:cubicBezTo>
                <a:cubicBezTo>
                  <a:pt x="7400" y="1752835"/>
                  <a:pt x="-2298" y="1682870"/>
                  <a:pt x="473" y="1645463"/>
                </a:cubicBezTo>
                <a:cubicBezTo>
                  <a:pt x="3244" y="1608056"/>
                  <a:pt x="15714" y="1614290"/>
                  <a:pt x="37881" y="1566492"/>
                </a:cubicBezTo>
                <a:cubicBezTo>
                  <a:pt x="60048" y="1518694"/>
                  <a:pt x="118930" y="1417556"/>
                  <a:pt x="133477" y="1358674"/>
                </a:cubicBezTo>
                <a:cubicBezTo>
                  <a:pt x="148024" y="1299792"/>
                  <a:pt x="122393" y="1246452"/>
                  <a:pt x="125164" y="1213201"/>
                </a:cubicBezTo>
                <a:cubicBezTo>
                  <a:pt x="127935" y="1179950"/>
                  <a:pt x="144561" y="1224977"/>
                  <a:pt x="150103" y="1159168"/>
                </a:cubicBezTo>
                <a:cubicBezTo>
                  <a:pt x="155645" y="1093359"/>
                  <a:pt x="159800" y="887619"/>
                  <a:pt x="158415" y="818346"/>
                </a:cubicBezTo>
                <a:cubicBezTo>
                  <a:pt x="157030" y="749073"/>
                  <a:pt x="139712" y="785095"/>
                  <a:pt x="141790" y="743532"/>
                </a:cubicBezTo>
                <a:cubicBezTo>
                  <a:pt x="143868" y="701969"/>
                  <a:pt x="170884" y="618841"/>
                  <a:pt x="170884" y="568965"/>
                </a:cubicBezTo>
                <a:cubicBezTo>
                  <a:pt x="170884" y="519089"/>
                  <a:pt x="150103" y="489994"/>
                  <a:pt x="141790" y="444274"/>
                </a:cubicBezTo>
                <a:cubicBezTo>
                  <a:pt x="133477" y="398554"/>
                  <a:pt x="113388" y="325818"/>
                  <a:pt x="121008" y="294645"/>
                </a:cubicBezTo>
                <a:cubicBezTo>
                  <a:pt x="128628" y="263472"/>
                  <a:pt x="165343" y="271092"/>
                  <a:pt x="187510" y="257237"/>
                </a:cubicBezTo>
                <a:cubicBezTo>
                  <a:pt x="209677" y="243382"/>
                  <a:pt x="241543" y="223986"/>
                  <a:pt x="254012" y="211517"/>
                </a:cubicBezTo>
                <a:cubicBezTo>
                  <a:pt x="266481" y="199048"/>
                  <a:pt x="246391" y="189350"/>
                  <a:pt x="262324" y="182423"/>
                </a:cubicBezTo>
                <a:cubicBezTo>
                  <a:pt x="278257" y="175496"/>
                  <a:pt x="326055" y="176189"/>
                  <a:pt x="349608" y="169954"/>
                </a:cubicBezTo>
                <a:cubicBezTo>
                  <a:pt x="373161" y="163719"/>
                  <a:pt x="387015" y="158870"/>
                  <a:pt x="403641" y="145015"/>
                </a:cubicBezTo>
                <a:cubicBezTo>
                  <a:pt x="420266" y="131160"/>
                  <a:pt x="461137" y="81285"/>
                  <a:pt x="486768" y="57732"/>
                </a:cubicBezTo>
                <a:close/>
              </a:path>
            </a:pathLst>
          </a:custGeom>
          <a:solidFill>
            <a:schemeClr val="accent1">
              <a:lumMod val="60000"/>
              <a:lumOff val="40000"/>
              <a:alpha val="20000"/>
            </a:schemeClr>
          </a:solidFill>
          <a:ln w="9525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Freeform 7"/>
          <p:cNvSpPr/>
          <p:nvPr/>
        </p:nvSpPr>
        <p:spPr bwMode="auto">
          <a:xfrm>
            <a:off x="6630868" y="1796277"/>
            <a:ext cx="3367689" cy="3995738"/>
          </a:xfrm>
          <a:custGeom>
            <a:avLst/>
            <a:gdLst>
              <a:gd name="connsiteX0" fmla="*/ 176629 w 3559469"/>
              <a:gd name="connsiteY0" fmla="*/ 4282568 h 4550013"/>
              <a:gd name="connsiteX1" fmla="*/ 352842 w 3559469"/>
              <a:gd name="connsiteY1" fmla="*/ 4173030 h 4550013"/>
              <a:gd name="connsiteX2" fmla="*/ 448092 w 3559469"/>
              <a:gd name="connsiteY2" fmla="*/ 4068255 h 4550013"/>
              <a:gd name="connsiteX3" fmla="*/ 510004 w 3559469"/>
              <a:gd name="connsiteY3" fmla="*/ 3992055 h 4550013"/>
              <a:gd name="connsiteX4" fmla="*/ 710029 w 3559469"/>
              <a:gd name="connsiteY4" fmla="*/ 3872993 h 4550013"/>
              <a:gd name="connsiteX5" fmla="*/ 857667 w 3559469"/>
              <a:gd name="connsiteY5" fmla="*/ 3796793 h 4550013"/>
              <a:gd name="connsiteX6" fmla="*/ 871954 w 3559469"/>
              <a:gd name="connsiteY6" fmla="*/ 3782505 h 4550013"/>
              <a:gd name="connsiteX7" fmla="*/ 976729 w 3559469"/>
              <a:gd name="connsiteY7" fmla="*/ 3734880 h 4550013"/>
              <a:gd name="connsiteX8" fmla="*/ 1057692 w 3559469"/>
              <a:gd name="connsiteY8" fmla="*/ 3658680 h 4550013"/>
              <a:gd name="connsiteX9" fmla="*/ 1129129 w 3559469"/>
              <a:gd name="connsiteY9" fmla="*/ 3534855 h 4550013"/>
              <a:gd name="connsiteX10" fmla="*/ 1357729 w 3559469"/>
              <a:gd name="connsiteY10" fmla="*/ 3334830 h 4550013"/>
              <a:gd name="connsiteX11" fmla="*/ 1448217 w 3559469"/>
              <a:gd name="connsiteY11" fmla="*/ 3301493 h 4550013"/>
              <a:gd name="connsiteX12" fmla="*/ 1591092 w 3559469"/>
              <a:gd name="connsiteY12" fmla="*/ 3287205 h 4550013"/>
              <a:gd name="connsiteX13" fmla="*/ 1753017 w 3559469"/>
              <a:gd name="connsiteY13" fmla="*/ 3287205 h 4550013"/>
              <a:gd name="connsiteX14" fmla="*/ 1962567 w 3559469"/>
              <a:gd name="connsiteY14" fmla="*/ 3311018 h 4550013"/>
              <a:gd name="connsiteX15" fmla="*/ 2062579 w 3559469"/>
              <a:gd name="connsiteY15" fmla="*/ 3320543 h 4550013"/>
              <a:gd name="connsiteX16" fmla="*/ 2167354 w 3559469"/>
              <a:gd name="connsiteY16" fmla="*/ 3287205 h 4550013"/>
              <a:gd name="connsiteX17" fmla="*/ 2186404 w 3559469"/>
              <a:gd name="connsiteY17" fmla="*/ 3296730 h 4550013"/>
              <a:gd name="connsiteX18" fmla="*/ 2224504 w 3559469"/>
              <a:gd name="connsiteY18" fmla="*/ 3320543 h 4550013"/>
              <a:gd name="connsiteX19" fmla="*/ 2219742 w 3559469"/>
              <a:gd name="connsiteY19" fmla="*/ 3368168 h 4550013"/>
              <a:gd name="connsiteX20" fmla="*/ 2305467 w 3559469"/>
              <a:gd name="connsiteY20" fmla="*/ 3411030 h 4550013"/>
              <a:gd name="connsiteX21" fmla="*/ 2348329 w 3559469"/>
              <a:gd name="connsiteY21" fmla="*/ 3368168 h 4550013"/>
              <a:gd name="connsiteX22" fmla="*/ 2395954 w 3559469"/>
              <a:gd name="connsiteY22" fmla="*/ 3301493 h 4550013"/>
              <a:gd name="connsiteX23" fmla="*/ 2395954 w 3559469"/>
              <a:gd name="connsiteY23" fmla="*/ 3258630 h 4550013"/>
              <a:gd name="connsiteX24" fmla="*/ 2472154 w 3559469"/>
              <a:gd name="connsiteY24" fmla="*/ 3087180 h 4550013"/>
              <a:gd name="connsiteX25" fmla="*/ 2515017 w 3559469"/>
              <a:gd name="connsiteY25" fmla="*/ 2925255 h 4550013"/>
              <a:gd name="connsiteX26" fmla="*/ 2572167 w 3559469"/>
              <a:gd name="connsiteY26" fmla="*/ 2920493 h 4550013"/>
              <a:gd name="connsiteX27" fmla="*/ 2724567 w 3559469"/>
              <a:gd name="connsiteY27" fmla="*/ 2868105 h 4550013"/>
              <a:gd name="connsiteX28" fmla="*/ 2796004 w 3559469"/>
              <a:gd name="connsiteY28" fmla="*/ 2749043 h 4550013"/>
              <a:gd name="connsiteX29" fmla="*/ 2867442 w 3559469"/>
              <a:gd name="connsiteY29" fmla="*/ 2687130 h 4550013"/>
              <a:gd name="connsiteX30" fmla="*/ 2900779 w 3559469"/>
              <a:gd name="connsiteY30" fmla="*/ 2625218 h 4550013"/>
              <a:gd name="connsiteX31" fmla="*/ 2929354 w 3559469"/>
              <a:gd name="connsiteY31" fmla="*/ 2510918 h 4550013"/>
              <a:gd name="connsiteX32" fmla="*/ 3053179 w 3559469"/>
              <a:gd name="connsiteY32" fmla="*/ 2487105 h 4550013"/>
              <a:gd name="connsiteX33" fmla="*/ 3148429 w 3559469"/>
              <a:gd name="connsiteY33" fmla="*/ 2410905 h 4550013"/>
              <a:gd name="connsiteX34" fmla="*/ 3210342 w 3559469"/>
              <a:gd name="connsiteY34" fmla="*/ 2429955 h 4550013"/>
              <a:gd name="connsiteX35" fmla="*/ 3253204 w 3559469"/>
              <a:gd name="connsiteY35" fmla="*/ 2453768 h 4550013"/>
              <a:gd name="connsiteX36" fmla="*/ 3238917 w 3559469"/>
              <a:gd name="connsiteY36" fmla="*/ 2506155 h 4550013"/>
              <a:gd name="connsiteX37" fmla="*/ 3338929 w 3559469"/>
              <a:gd name="connsiteY37" fmla="*/ 2501393 h 4550013"/>
              <a:gd name="connsiteX38" fmla="*/ 3453229 w 3559469"/>
              <a:gd name="connsiteY38" fmla="*/ 2406143 h 4550013"/>
              <a:gd name="connsiteX39" fmla="*/ 3524667 w 3559469"/>
              <a:gd name="connsiteY39" fmla="*/ 2310893 h 4550013"/>
              <a:gd name="connsiteX40" fmla="*/ 3524667 w 3559469"/>
              <a:gd name="connsiteY40" fmla="*/ 2172780 h 4550013"/>
              <a:gd name="connsiteX41" fmla="*/ 3529429 w 3559469"/>
              <a:gd name="connsiteY41" fmla="*/ 2115630 h 4550013"/>
              <a:gd name="connsiteX42" fmla="*/ 3419892 w 3559469"/>
              <a:gd name="connsiteY42" fmla="*/ 2148968 h 4550013"/>
              <a:gd name="connsiteX43" fmla="*/ 3410367 w 3559469"/>
              <a:gd name="connsiteY43" fmla="*/ 2072768 h 4550013"/>
              <a:gd name="connsiteX44" fmla="*/ 3329404 w 3559469"/>
              <a:gd name="connsiteY44" fmla="*/ 2020380 h 4550013"/>
              <a:gd name="connsiteX45" fmla="*/ 3281779 w 3559469"/>
              <a:gd name="connsiteY45" fmla="*/ 1925130 h 4550013"/>
              <a:gd name="connsiteX46" fmla="*/ 3291304 w 3559469"/>
              <a:gd name="connsiteY46" fmla="*/ 1887030 h 4550013"/>
              <a:gd name="connsiteX47" fmla="*/ 3262729 w 3559469"/>
              <a:gd name="connsiteY47" fmla="*/ 1796543 h 4550013"/>
              <a:gd name="connsiteX48" fmla="*/ 3234154 w 3559469"/>
              <a:gd name="connsiteY48" fmla="*/ 1625093 h 4550013"/>
              <a:gd name="connsiteX49" fmla="*/ 3234154 w 3559469"/>
              <a:gd name="connsiteY49" fmla="*/ 1453643 h 4550013"/>
              <a:gd name="connsiteX50" fmla="*/ 3257967 w 3559469"/>
              <a:gd name="connsiteY50" fmla="*/ 1320293 h 4550013"/>
              <a:gd name="connsiteX51" fmla="*/ 3329404 w 3559469"/>
              <a:gd name="connsiteY51" fmla="*/ 1153605 h 4550013"/>
              <a:gd name="connsiteX52" fmla="*/ 3419892 w 3559469"/>
              <a:gd name="connsiteY52" fmla="*/ 986918 h 4550013"/>
              <a:gd name="connsiteX53" fmla="*/ 3415129 w 3559469"/>
              <a:gd name="connsiteY53" fmla="*/ 939293 h 4550013"/>
              <a:gd name="connsiteX54" fmla="*/ 3381792 w 3559469"/>
              <a:gd name="connsiteY54" fmla="*/ 853568 h 4550013"/>
              <a:gd name="connsiteX55" fmla="*/ 3362742 w 3559469"/>
              <a:gd name="connsiteY55" fmla="*/ 767843 h 4550013"/>
              <a:gd name="connsiteX56" fmla="*/ 3357979 w 3559469"/>
              <a:gd name="connsiteY56" fmla="*/ 644018 h 4550013"/>
              <a:gd name="connsiteX57" fmla="*/ 3410367 w 3559469"/>
              <a:gd name="connsiteY57" fmla="*/ 563055 h 4550013"/>
              <a:gd name="connsiteX58" fmla="*/ 3377029 w 3559469"/>
              <a:gd name="connsiteY58" fmla="*/ 477330 h 4550013"/>
              <a:gd name="connsiteX59" fmla="*/ 3315117 w 3559469"/>
              <a:gd name="connsiteY59" fmla="*/ 286830 h 4550013"/>
              <a:gd name="connsiteX60" fmla="*/ 257592 w 3559469"/>
              <a:gd name="connsiteY60" fmla="*/ 305880 h 4550013"/>
              <a:gd name="connsiteX61" fmla="*/ 176629 w 3559469"/>
              <a:gd name="connsiteY61" fmla="*/ 4282568 h 4550013"/>
              <a:gd name="connsiteX0" fmla="*/ 176629 w 3559469"/>
              <a:gd name="connsiteY0" fmla="*/ 4282568 h 4550013"/>
              <a:gd name="connsiteX1" fmla="*/ 352842 w 3559469"/>
              <a:gd name="connsiteY1" fmla="*/ 4173030 h 4550013"/>
              <a:gd name="connsiteX2" fmla="*/ 448092 w 3559469"/>
              <a:gd name="connsiteY2" fmla="*/ 4068255 h 4550013"/>
              <a:gd name="connsiteX3" fmla="*/ 510004 w 3559469"/>
              <a:gd name="connsiteY3" fmla="*/ 3992055 h 4550013"/>
              <a:gd name="connsiteX4" fmla="*/ 710029 w 3559469"/>
              <a:gd name="connsiteY4" fmla="*/ 3872993 h 4550013"/>
              <a:gd name="connsiteX5" fmla="*/ 857667 w 3559469"/>
              <a:gd name="connsiteY5" fmla="*/ 3796793 h 4550013"/>
              <a:gd name="connsiteX6" fmla="*/ 871954 w 3559469"/>
              <a:gd name="connsiteY6" fmla="*/ 3782505 h 4550013"/>
              <a:gd name="connsiteX7" fmla="*/ 976729 w 3559469"/>
              <a:gd name="connsiteY7" fmla="*/ 3734880 h 4550013"/>
              <a:gd name="connsiteX8" fmla="*/ 1057692 w 3559469"/>
              <a:gd name="connsiteY8" fmla="*/ 3658680 h 4550013"/>
              <a:gd name="connsiteX9" fmla="*/ 1129129 w 3559469"/>
              <a:gd name="connsiteY9" fmla="*/ 3534855 h 4550013"/>
              <a:gd name="connsiteX10" fmla="*/ 1357729 w 3559469"/>
              <a:gd name="connsiteY10" fmla="*/ 3334830 h 4550013"/>
              <a:gd name="connsiteX11" fmla="*/ 1448217 w 3559469"/>
              <a:gd name="connsiteY11" fmla="*/ 3301493 h 4550013"/>
              <a:gd name="connsiteX12" fmla="*/ 1591092 w 3559469"/>
              <a:gd name="connsiteY12" fmla="*/ 3287205 h 4550013"/>
              <a:gd name="connsiteX13" fmla="*/ 1753017 w 3559469"/>
              <a:gd name="connsiteY13" fmla="*/ 3287205 h 4550013"/>
              <a:gd name="connsiteX14" fmla="*/ 1962567 w 3559469"/>
              <a:gd name="connsiteY14" fmla="*/ 3311018 h 4550013"/>
              <a:gd name="connsiteX15" fmla="*/ 2062579 w 3559469"/>
              <a:gd name="connsiteY15" fmla="*/ 3320543 h 4550013"/>
              <a:gd name="connsiteX16" fmla="*/ 2167354 w 3559469"/>
              <a:gd name="connsiteY16" fmla="*/ 3287205 h 4550013"/>
              <a:gd name="connsiteX17" fmla="*/ 2186404 w 3559469"/>
              <a:gd name="connsiteY17" fmla="*/ 3296730 h 4550013"/>
              <a:gd name="connsiteX18" fmla="*/ 2224504 w 3559469"/>
              <a:gd name="connsiteY18" fmla="*/ 3320543 h 4550013"/>
              <a:gd name="connsiteX19" fmla="*/ 2219742 w 3559469"/>
              <a:gd name="connsiteY19" fmla="*/ 3368168 h 4550013"/>
              <a:gd name="connsiteX20" fmla="*/ 2305467 w 3559469"/>
              <a:gd name="connsiteY20" fmla="*/ 3411030 h 4550013"/>
              <a:gd name="connsiteX21" fmla="*/ 2348329 w 3559469"/>
              <a:gd name="connsiteY21" fmla="*/ 3368168 h 4550013"/>
              <a:gd name="connsiteX22" fmla="*/ 2395954 w 3559469"/>
              <a:gd name="connsiteY22" fmla="*/ 3301493 h 4550013"/>
              <a:gd name="connsiteX23" fmla="*/ 2395954 w 3559469"/>
              <a:gd name="connsiteY23" fmla="*/ 3258630 h 4550013"/>
              <a:gd name="connsiteX24" fmla="*/ 2472154 w 3559469"/>
              <a:gd name="connsiteY24" fmla="*/ 3087180 h 4550013"/>
              <a:gd name="connsiteX25" fmla="*/ 2515017 w 3559469"/>
              <a:gd name="connsiteY25" fmla="*/ 2925255 h 4550013"/>
              <a:gd name="connsiteX26" fmla="*/ 2572167 w 3559469"/>
              <a:gd name="connsiteY26" fmla="*/ 2920493 h 4550013"/>
              <a:gd name="connsiteX27" fmla="*/ 2724567 w 3559469"/>
              <a:gd name="connsiteY27" fmla="*/ 2868105 h 4550013"/>
              <a:gd name="connsiteX28" fmla="*/ 2796004 w 3559469"/>
              <a:gd name="connsiteY28" fmla="*/ 2749043 h 4550013"/>
              <a:gd name="connsiteX29" fmla="*/ 2867442 w 3559469"/>
              <a:gd name="connsiteY29" fmla="*/ 2687130 h 4550013"/>
              <a:gd name="connsiteX30" fmla="*/ 2900779 w 3559469"/>
              <a:gd name="connsiteY30" fmla="*/ 2625218 h 4550013"/>
              <a:gd name="connsiteX31" fmla="*/ 2929354 w 3559469"/>
              <a:gd name="connsiteY31" fmla="*/ 2510918 h 4550013"/>
              <a:gd name="connsiteX32" fmla="*/ 3053179 w 3559469"/>
              <a:gd name="connsiteY32" fmla="*/ 2487105 h 4550013"/>
              <a:gd name="connsiteX33" fmla="*/ 3148429 w 3559469"/>
              <a:gd name="connsiteY33" fmla="*/ 2410905 h 4550013"/>
              <a:gd name="connsiteX34" fmla="*/ 3210342 w 3559469"/>
              <a:gd name="connsiteY34" fmla="*/ 2429955 h 4550013"/>
              <a:gd name="connsiteX35" fmla="*/ 3253204 w 3559469"/>
              <a:gd name="connsiteY35" fmla="*/ 2453768 h 4550013"/>
              <a:gd name="connsiteX36" fmla="*/ 3238917 w 3559469"/>
              <a:gd name="connsiteY36" fmla="*/ 2506155 h 4550013"/>
              <a:gd name="connsiteX37" fmla="*/ 3338929 w 3559469"/>
              <a:gd name="connsiteY37" fmla="*/ 2501393 h 4550013"/>
              <a:gd name="connsiteX38" fmla="*/ 3453229 w 3559469"/>
              <a:gd name="connsiteY38" fmla="*/ 2406143 h 4550013"/>
              <a:gd name="connsiteX39" fmla="*/ 3524667 w 3559469"/>
              <a:gd name="connsiteY39" fmla="*/ 2310893 h 4550013"/>
              <a:gd name="connsiteX40" fmla="*/ 3524667 w 3559469"/>
              <a:gd name="connsiteY40" fmla="*/ 2172780 h 4550013"/>
              <a:gd name="connsiteX41" fmla="*/ 3529429 w 3559469"/>
              <a:gd name="connsiteY41" fmla="*/ 2115630 h 4550013"/>
              <a:gd name="connsiteX42" fmla="*/ 3419892 w 3559469"/>
              <a:gd name="connsiteY42" fmla="*/ 2148968 h 4550013"/>
              <a:gd name="connsiteX43" fmla="*/ 3410367 w 3559469"/>
              <a:gd name="connsiteY43" fmla="*/ 2072768 h 4550013"/>
              <a:gd name="connsiteX44" fmla="*/ 3329404 w 3559469"/>
              <a:gd name="connsiteY44" fmla="*/ 2020380 h 4550013"/>
              <a:gd name="connsiteX45" fmla="*/ 3281779 w 3559469"/>
              <a:gd name="connsiteY45" fmla="*/ 1925130 h 4550013"/>
              <a:gd name="connsiteX46" fmla="*/ 3291304 w 3559469"/>
              <a:gd name="connsiteY46" fmla="*/ 1887030 h 4550013"/>
              <a:gd name="connsiteX47" fmla="*/ 3262729 w 3559469"/>
              <a:gd name="connsiteY47" fmla="*/ 1796543 h 4550013"/>
              <a:gd name="connsiteX48" fmla="*/ 3234154 w 3559469"/>
              <a:gd name="connsiteY48" fmla="*/ 1625093 h 4550013"/>
              <a:gd name="connsiteX49" fmla="*/ 3234154 w 3559469"/>
              <a:gd name="connsiteY49" fmla="*/ 1453643 h 4550013"/>
              <a:gd name="connsiteX50" fmla="*/ 3257967 w 3559469"/>
              <a:gd name="connsiteY50" fmla="*/ 1320293 h 4550013"/>
              <a:gd name="connsiteX51" fmla="*/ 3329404 w 3559469"/>
              <a:gd name="connsiteY51" fmla="*/ 1153605 h 4550013"/>
              <a:gd name="connsiteX52" fmla="*/ 3419892 w 3559469"/>
              <a:gd name="connsiteY52" fmla="*/ 986918 h 4550013"/>
              <a:gd name="connsiteX53" fmla="*/ 3415129 w 3559469"/>
              <a:gd name="connsiteY53" fmla="*/ 939293 h 4550013"/>
              <a:gd name="connsiteX54" fmla="*/ 3381792 w 3559469"/>
              <a:gd name="connsiteY54" fmla="*/ 853568 h 4550013"/>
              <a:gd name="connsiteX55" fmla="*/ 3362742 w 3559469"/>
              <a:gd name="connsiteY55" fmla="*/ 767843 h 4550013"/>
              <a:gd name="connsiteX56" fmla="*/ 3357979 w 3559469"/>
              <a:gd name="connsiteY56" fmla="*/ 644018 h 4550013"/>
              <a:gd name="connsiteX57" fmla="*/ 3410367 w 3559469"/>
              <a:gd name="connsiteY57" fmla="*/ 563055 h 4550013"/>
              <a:gd name="connsiteX58" fmla="*/ 3377029 w 3559469"/>
              <a:gd name="connsiteY58" fmla="*/ 477330 h 4550013"/>
              <a:gd name="connsiteX59" fmla="*/ 3315117 w 3559469"/>
              <a:gd name="connsiteY59" fmla="*/ 286830 h 4550013"/>
              <a:gd name="connsiteX60" fmla="*/ 257592 w 3559469"/>
              <a:gd name="connsiteY60" fmla="*/ 305880 h 4550013"/>
              <a:gd name="connsiteX61" fmla="*/ 176629 w 3559469"/>
              <a:gd name="connsiteY61" fmla="*/ 4282568 h 4550013"/>
              <a:gd name="connsiteX0" fmla="*/ 1746 w 3384586"/>
              <a:gd name="connsiteY0" fmla="*/ 4282568 h 4550013"/>
              <a:gd name="connsiteX1" fmla="*/ 177959 w 3384586"/>
              <a:gd name="connsiteY1" fmla="*/ 4173030 h 4550013"/>
              <a:gd name="connsiteX2" fmla="*/ 273209 w 3384586"/>
              <a:gd name="connsiteY2" fmla="*/ 4068255 h 4550013"/>
              <a:gd name="connsiteX3" fmla="*/ 335121 w 3384586"/>
              <a:gd name="connsiteY3" fmla="*/ 3992055 h 4550013"/>
              <a:gd name="connsiteX4" fmla="*/ 535146 w 3384586"/>
              <a:gd name="connsiteY4" fmla="*/ 3872993 h 4550013"/>
              <a:gd name="connsiteX5" fmla="*/ 682784 w 3384586"/>
              <a:gd name="connsiteY5" fmla="*/ 3796793 h 4550013"/>
              <a:gd name="connsiteX6" fmla="*/ 697071 w 3384586"/>
              <a:gd name="connsiteY6" fmla="*/ 3782505 h 4550013"/>
              <a:gd name="connsiteX7" fmla="*/ 801846 w 3384586"/>
              <a:gd name="connsiteY7" fmla="*/ 3734880 h 4550013"/>
              <a:gd name="connsiteX8" fmla="*/ 882809 w 3384586"/>
              <a:gd name="connsiteY8" fmla="*/ 3658680 h 4550013"/>
              <a:gd name="connsiteX9" fmla="*/ 954246 w 3384586"/>
              <a:gd name="connsiteY9" fmla="*/ 3534855 h 4550013"/>
              <a:gd name="connsiteX10" fmla="*/ 1182846 w 3384586"/>
              <a:gd name="connsiteY10" fmla="*/ 3334830 h 4550013"/>
              <a:gd name="connsiteX11" fmla="*/ 1273334 w 3384586"/>
              <a:gd name="connsiteY11" fmla="*/ 3301493 h 4550013"/>
              <a:gd name="connsiteX12" fmla="*/ 1416209 w 3384586"/>
              <a:gd name="connsiteY12" fmla="*/ 3287205 h 4550013"/>
              <a:gd name="connsiteX13" fmla="*/ 1578134 w 3384586"/>
              <a:gd name="connsiteY13" fmla="*/ 3287205 h 4550013"/>
              <a:gd name="connsiteX14" fmla="*/ 1787684 w 3384586"/>
              <a:gd name="connsiteY14" fmla="*/ 3311018 h 4550013"/>
              <a:gd name="connsiteX15" fmla="*/ 1887696 w 3384586"/>
              <a:gd name="connsiteY15" fmla="*/ 3320543 h 4550013"/>
              <a:gd name="connsiteX16" fmla="*/ 1992471 w 3384586"/>
              <a:gd name="connsiteY16" fmla="*/ 3287205 h 4550013"/>
              <a:gd name="connsiteX17" fmla="*/ 2011521 w 3384586"/>
              <a:gd name="connsiteY17" fmla="*/ 3296730 h 4550013"/>
              <a:gd name="connsiteX18" fmla="*/ 2049621 w 3384586"/>
              <a:gd name="connsiteY18" fmla="*/ 3320543 h 4550013"/>
              <a:gd name="connsiteX19" fmla="*/ 2044859 w 3384586"/>
              <a:gd name="connsiteY19" fmla="*/ 3368168 h 4550013"/>
              <a:gd name="connsiteX20" fmla="*/ 2130584 w 3384586"/>
              <a:gd name="connsiteY20" fmla="*/ 3411030 h 4550013"/>
              <a:gd name="connsiteX21" fmla="*/ 2173446 w 3384586"/>
              <a:gd name="connsiteY21" fmla="*/ 3368168 h 4550013"/>
              <a:gd name="connsiteX22" fmla="*/ 2221071 w 3384586"/>
              <a:gd name="connsiteY22" fmla="*/ 3301493 h 4550013"/>
              <a:gd name="connsiteX23" fmla="*/ 2221071 w 3384586"/>
              <a:gd name="connsiteY23" fmla="*/ 3258630 h 4550013"/>
              <a:gd name="connsiteX24" fmla="*/ 2297271 w 3384586"/>
              <a:gd name="connsiteY24" fmla="*/ 3087180 h 4550013"/>
              <a:gd name="connsiteX25" fmla="*/ 2340134 w 3384586"/>
              <a:gd name="connsiteY25" fmla="*/ 2925255 h 4550013"/>
              <a:gd name="connsiteX26" fmla="*/ 2397284 w 3384586"/>
              <a:gd name="connsiteY26" fmla="*/ 2920493 h 4550013"/>
              <a:gd name="connsiteX27" fmla="*/ 2549684 w 3384586"/>
              <a:gd name="connsiteY27" fmla="*/ 2868105 h 4550013"/>
              <a:gd name="connsiteX28" fmla="*/ 2621121 w 3384586"/>
              <a:gd name="connsiteY28" fmla="*/ 2749043 h 4550013"/>
              <a:gd name="connsiteX29" fmla="*/ 2692559 w 3384586"/>
              <a:gd name="connsiteY29" fmla="*/ 2687130 h 4550013"/>
              <a:gd name="connsiteX30" fmla="*/ 2725896 w 3384586"/>
              <a:gd name="connsiteY30" fmla="*/ 2625218 h 4550013"/>
              <a:gd name="connsiteX31" fmla="*/ 2754471 w 3384586"/>
              <a:gd name="connsiteY31" fmla="*/ 2510918 h 4550013"/>
              <a:gd name="connsiteX32" fmla="*/ 2878296 w 3384586"/>
              <a:gd name="connsiteY32" fmla="*/ 2487105 h 4550013"/>
              <a:gd name="connsiteX33" fmla="*/ 2973546 w 3384586"/>
              <a:gd name="connsiteY33" fmla="*/ 2410905 h 4550013"/>
              <a:gd name="connsiteX34" fmla="*/ 3035459 w 3384586"/>
              <a:gd name="connsiteY34" fmla="*/ 2429955 h 4550013"/>
              <a:gd name="connsiteX35" fmla="*/ 3078321 w 3384586"/>
              <a:gd name="connsiteY35" fmla="*/ 2453768 h 4550013"/>
              <a:gd name="connsiteX36" fmla="*/ 3064034 w 3384586"/>
              <a:gd name="connsiteY36" fmla="*/ 2506155 h 4550013"/>
              <a:gd name="connsiteX37" fmla="*/ 3164046 w 3384586"/>
              <a:gd name="connsiteY37" fmla="*/ 2501393 h 4550013"/>
              <a:gd name="connsiteX38" fmla="*/ 3278346 w 3384586"/>
              <a:gd name="connsiteY38" fmla="*/ 2406143 h 4550013"/>
              <a:gd name="connsiteX39" fmla="*/ 3349784 w 3384586"/>
              <a:gd name="connsiteY39" fmla="*/ 2310893 h 4550013"/>
              <a:gd name="connsiteX40" fmla="*/ 3349784 w 3384586"/>
              <a:gd name="connsiteY40" fmla="*/ 2172780 h 4550013"/>
              <a:gd name="connsiteX41" fmla="*/ 3354546 w 3384586"/>
              <a:gd name="connsiteY41" fmla="*/ 2115630 h 4550013"/>
              <a:gd name="connsiteX42" fmla="*/ 3245009 w 3384586"/>
              <a:gd name="connsiteY42" fmla="*/ 2148968 h 4550013"/>
              <a:gd name="connsiteX43" fmla="*/ 3235484 w 3384586"/>
              <a:gd name="connsiteY43" fmla="*/ 2072768 h 4550013"/>
              <a:gd name="connsiteX44" fmla="*/ 3154521 w 3384586"/>
              <a:gd name="connsiteY44" fmla="*/ 2020380 h 4550013"/>
              <a:gd name="connsiteX45" fmla="*/ 3106896 w 3384586"/>
              <a:gd name="connsiteY45" fmla="*/ 1925130 h 4550013"/>
              <a:gd name="connsiteX46" fmla="*/ 3116421 w 3384586"/>
              <a:gd name="connsiteY46" fmla="*/ 1887030 h 4550013"/>
              <a:gd name="connsiteX47" fmla="*/ 3087846 w 3384586"/>
              <a:gd name="connsiteY47" fmla="*/ 1796543 h 4550013"/>
              <a:gd name="connsiteX48" fmla="*/ 3059271 w 3384586"/>
              <a:gd name="connsiteY48" fmla="*/ 1625093 h 4550013"/>
              <a:gd name="connsiteX49" fmla="*/ 3059271 w 3384586"/>
              <a:gd name="connsiteY49" fmla="*/ 1453643 h 4550013"/>
              <a:gd name="connsiteX50" fmla="*/ 3083084 w 3384586"/>
              <a:gd name="connsiteY50" fmla="*/ 1320293 h 4550013"/>
              <a:gd name="connsiteX51" fmla="*/ 3154521 w 3384586"/>
              <a:gd name="connsiteY51" fmla="*/ 1153605 h 4550013"/>
              <a:gd name="connsiteX52" fmla="*/ 3245009 w 3384586"/>
              <a:gd name="connsiteY52" fmla="*/ 986918 h 4550013"/>
              <a:gd name="connsiteX53" fmla="*/ 3240246 w 3384586"/>
              <a:gd name="connsiteY53" fmla="*/ 939293 h 4550013"/>
              <a:gd name="connsiteX54" fmla="*/ 3206909 w 3384586"/>
              <a:gd name="connsiteY54" fmla="*/ 853568 h 4550013"/>
              <a:gd name="connsiteX55" fmla="*/ 3187859 w 3384586"/>
              <a:gd name="connsiteY55" fmla="*/ 767843 h 4550013"/>
              <a:gd name="connsiteX56" fmla="*/ 3183096 w 3384586"/>
              <a:gd name="connsiteY56" fmla="*/ 644018 h 4550013"/>
              <a:gd name="connsiteX57" fmla="*/ 3235484 w 3384586"/>
              <a:gd name="connsiteY57" fmla="*/ 563055 h 4550013"/>
              <a:gd name="connsiteX58" fmla="*/ 3202146 w 3384586"/>
              <a:gd name="connsiteY58" fmla="*/ 477330 h 4550013"/>
              <a:gd name="connsiteX59" fmla="*/ 3140234 w 3384586"/>
              <a:gd name="connsiteY59" fmla="*/ 286830 h 4550013"/>
              <a:gd name="connsiteX60" fmla="*/ 82709 w 3384586"/>
              <a:gd name="connsiteY60" fmla="*/ 305880 h 4550013"/>
              <a:gd name="connsiteX61" fmla="*/ 1746 w 3384586"/>
              <a:gd name="connsiteY61" fmla="*/ 4282568 h 4550013"/>
              <a:gd name="connsiteX0" fmla="*/ 1746 w 3384586"/>
              <a:gd name="connsiteY0" fmla="*/ 4000780 h 4268225"/>
              <a:gd name="connsiteX1" fmla="*/ 177959 w 3384586"/>
              <a:gd name="connsiteY1" fmla="*/ 3891242 h 4268225"/>
              <a:gd name="connsiteX2" fmla="*/ 273209 w 3384586"/>
              <a:gd name="connsiteY2" fmla="*/ 3786467 h 4268225"/>
              <a:gd name="connsiteX3" fmla="*/ 335121 w 3384586"/>
              <a:gd name="connsiteY3" fmla="*/ 3710267 h 4268225"/>
              <a:gd name="connsiteX4" fmla="*/ 535146 w 3384586"/>
              <a:gd name="connsiteY4" fmla="*/ 3591205 h 4268225"/>
              <a:gd name="connsiteX5" fmla="*/ 682784 w 3384586"/>
              <a:gd name="connsiteY5" fmla="*/ 3515005 h 4268225"/>
              <a:gd name="connsiteX6" fmla="*/ 697071 w 3384586"/>
              <a:gd name="connsiteY6" fmla="*/ 3500717 h 4268225"/>
              <a:gd name="connsiteX7" fmla="*/ 801846 w 3384586"/>
              <a:gd name="connsiteY7" fmla="*/ 3453092 h 4268225"/>
              <a:gd name="connsiteX8" fmla="*/ 882809 w 3384586"/>
              <a:gd name="connsiteY8" fmla="*/ 3376892 h 4268225"/>
              <a:gd name="connsiteX9" fmla="*/ 954246 w 3384586"/>
              <a:gd name="connsiteY9" fmla="*/ 3253067 h 4268225"/>
              <a:gd name="connsiteX10" fmla="*/ 1182846 w 3384586"/>
              <a:gd name="connsiteY10" fmla="*/ 3053042 h 4268225"/>
              <a:gd name="connsiteX11" fmla="*/ 1273334 w 3384586"/>
              <a:gd name="connsiteY11" fmla="*/ 3019705 h 4268225"/>
              <a:gd name="connsiteX12" fmla="*/ 1416209 w 3384586"/>
              <a:gd name="connsiteY12" fmla="*/ 3005417 h 4268225"/>
              <a:gd name="connsiteX13" fmla="*/ 1578134 w 3384586"/>
              <a:gd name="connsiteY13" fmla="*/ 3005417 h 4268225"/>
              <a:gd name="connsiteX14" fmla="*/ 1787684 w 3384586"/>
              <a:gd name="connsiteY14" fmla="*/ 3029230 h 4268225"/>
              <a:gd name="connsiteX15" fmla="*/ 1887696 w 3384586"/>
              <a:gd name="connsiteY15" fmla="*/ 3038755 h 4268225"/>
              <a:gd name="connsiteX16" fmla="*/ 1992471 w 3384586"/>
              <a:gd name="connsiteY16" fmla="*/ 3005417 h 4268225"/>
              <a:gd name="connsiteX17" fmla="*/ 2011521 w 3384586"/>
              <a:gd name="connsiteY17" fmla="*/ 3014942 h 4268225"/>
              <a:gd name="connsiteX18" fmla="*/ 2049621 w 3384586"/>
              <a:gd name="connsiteY18" fmla="*/ 3038755 h 4268225"/>
              <a:gd name="connsiteX19" fmla="*/ 2044859 w 3384586"/>
              <a:gd name="connsiteY19" fmla="*/ 3086380 h 4268225"/>
              <a:gd name="connsiteX20" fmla="*/ 2130584 w 3384586"/>
              <a:gd name="connsiteY20" fmla="*/ 3129242 h 4268225"/>
              <a:gd name="connsiteX21" fmla="*/ 2173446 w 3384586"/>
              <a:gd name="connsiteY21" fmla="*/ 3086380 h 4268225"/>
              <a:gd name="connsiteX22" fmla="*/ 2221071 w 3384586"/>
              <a:gd name="connsiteY22" fmla="*/ 3019705 h 4268225"/>
              <a:gd name="connsiteX23" fmla="*/ 2221071 w 3384586"/>
              <a:gd name="connsiteY23" fmla="*/ 2976842 h 4268225"/>
              <a:gd name="connsiteX24" fmla="*/ 2297271 w 3384586"/>
              <a:gd name="connsiteY24" fmla="*/ 2805392 h 4268225"/>
              <a:gd name="connsiteX25" fmla="*/ 2340134 w 3384586"/>
              <a:gd name="connsiteY25" fmla="*/ 2643467 h 4268225"/>
              <a:gd name="connsiteX26" fmla="*/ 2397284 w 3384586"/>
              <a:gd name="connsiteY26" fmla="*/ 2638705 h 4268225"/>
              <a:gd name="connsiteX27" fmla="*/ 2549684 w 3384586"/>
              <a:gd name="connsiteY27" fmla="*/ 2586317 h 4268225"/>
              <a:gd name="connsiteX28" fmla="*/ 2621121 w 3384586"/>
              <a:gd name="connsiteY28" fmla="*/ 2467255 h 4268225"/>
              <a:gd name="connsiteX29" fmla="*/ 2692559 w 3384586"/>
              <a:gd name="connsiteY29" fmla="*/ 2405342 h 4268225"/>
              <a:gd name="connsiteX30" fmla="*/ 2725896 w 3384586"/>
              <a:gd name="connsiteY30" fmla="*/ 2343430 h 4268225"/>
              <a:gd name="connsiteX31" fmla="*/ 2754471 w 3384586"/>
              <a:gd name="connsiteY31" fmla="*/ 2229130 h 4268225"/>
              <a:gd name="connsiteX32" fmla="*/ 2878296 w 3384586"/>
              <a:gd name="connsiteY32" fmla="*/ 2205317 h 4268225"/>
              <a:gd name="connsiteX33" fmla="*/ 2973546 w 3384586"/>
              <a:gd name="connsiteY33" fmla="*/ 2129117 h 4268225"/>
              <a:gd name="connsiteX34" fmla="*/ 3035459 w 3384586"/>
              <a:gd name="connsiteY34" fmla="*/ 2148167 h 4268225"/>
              <a:gd name="connsiteX35" fmla="*/ 3078321 w 3384586"/>
              <a:gd name="connsiteY35" fmla="*/ 2171980 h 4268225"/>
              <a:gd name="connsiteX36" fmla="*/ 3064034 w 3384586"/>
              <a:gd name="connsiteY36" fmla="*/ 2224367 h 4268225"/>
              <a:gd name="connsiteX37" fmla="*/ 3164046 w 3384586"/>
              <a:gd name="connsiteY37" fmla="*/ 2219605 h 4268225"/>
              <a:gd name="connsiteX38" fmla="*/ 3278346 w 3384586"/>
              <a:gd name="connsiteY38" fmla="*/ 2124355 h 4268225"/>
              <a:gd name="connsiteX39" fmla="*/ 3349784 w 3384586"/>
              <a:gd name="connsiteY39" fmla="*/ 2029105 h 4268225"/>
              <a:gd name="connsiteX40" fmla="*/ 3349784 w 3384586"/>
              <a:gd name="connsiteY40" fmla="*/ 1890992 h 4268225"/>
              <a:gd name="connsiteX41" fmla="*/ 3354546 w 3384586"/>
              <a:gd name="connsiteY41" fmla="*/ 1833842 h 4268225"/>
              <a:gd name="connsiteX42" fmla="*/ 3245009 w 3384586"/>
              <a:gd name="connsiteY42" fmla="*/ 1867180 h 4268225"/>
              <a:gd name="connsiteX43" fmla="*/ 3235484 w 3384586"/>
              <a:gd name="connsiteY43" fmla="*/ 1790980 h 4268225"/>
              <a:gd name="connsiteX44" fmla="*/ 3154521 w 3384586"/>
              <a:gd name="connsiteY44" fmla="*/ 1738592 h 4268225"/>
              <a:gd name="connsiteX45" fmla="*/ 3106896 w 3384586"/>
              <a:gd name="connsiteY45" fmla="*/ 1643342 h 4268225"/>
              <a:gd name="connsiteX46" fmla="*/ 3116421 w 3384586"/>
              <a:gd name="connsiteY46" fmla="*/ 1605242 h 4268225"/>
              <a:gd name="connsiteX47" fmla="*/ 3087846 w 3384586"/>
              <a:gd name="connsiteY47" fmla="*/ 1514755 h 4268225"/>
              <a:gd name="connsiteX48" fmla="*/ 3059271 w 3384586"/>
              <a:gd name="connsiteY48" fmla="*/ 1343305 h 4268225"/>
              <a:gd name="connsiteX49" fmla="*/ 3059271 w 3384586"/>
              <a:gd name="connsiteY49" fmla="*/ 1171855 h 4268225"/>
              <a:gd name="connsiteX50" fmla="*/ 3083084 w 3384586"/>
              <a:gd name="connsiteY50" fmla="*/ 1038505 h 4268225"/>
              <a:gd name="connsiteX51" fmla="*/ 3154521 w 3384586"/>
              <a:gd name="connsiteY51" fmla="*/ 871817 h 4268225"/>
              <a:gd name="connsiteX52" fmla="*/ 3245009 w 3384586"/>
              <a:gd name="connsiteY52" fmla="*/ 705130 h 4268225"/>
              <a:gd name="connsiteX53" fmla="*/ 3240246 w 3384586"/>
              <a:gd name="connsiteY53" fmla="*/ 657505 h 4268225"/>
              <a:gd name="connsiteX54" fmla="*/ 3206909 w 3384586"/>
              <a:gd name="connsiteY54" fmla="*/ 571780 h 4268225"/>
              <a:gd name="connsiteX55" fmla="*/ 3187859 w 3384586"/>
              <a:gd name="connsiteY55" fmla="*/ 486055 h 4268225"/>
              <a:gd name="connsiteX56" fmla="*/ 3183096 w 3384586"/>
              <a:gd name="connsiteY56" fmla="*/ 362230 h 4268225"/>
              <a:gd name="connsiteX57" fmla="*/ 3235484 w 3384586"/>
              <a:gd name="connsiteY57" fmla="*/ 281267 h 4268225"/>
              <a:gd name="connsiteX58" fmla="*/ 3202146 w 3384586"/>
              <a:gd name="connsiteY58" fmla="*/ 195542 h 4268225"/>
              <a:gd name="connsiteX59" fmla="*/ 3140234 w 3384586"/>
              <a:gd name="connsiteY59" fmla="*/ 5042 h 4268225"/>
              <a:gd name="connsiteX60" fmla="*/ 82709 w 3384586"/>
              <a:gd name="connsiteY60" fmla="*/ 24092 h 4268225"/>
              <a:gd name="connsiteX61" fmla="*/ 1746 w 3384586"/>
              <a:gd name="connsiteY61" fmla="*/ 4000780 h 4268225"/>
              <a:gd name="connsiteX0" fmla="*/ 1746 w 3361378"/>
              <a:gd name="connsiteY0" fmla="*/ 4000780 h 4268225"/>
              <a:gd name="connsiteX1" fmla="*/ 177959 w 3361378"/>
              <a:gd name="connsiteY1" fmla="*/ 3891242 h 4268225"/>
              <a:gd name="connsiteX2" fmla="*/ 273209 w 3361378"/>
              <a:gd name="connsiteY2" fmla="*/ 3786467 h 4268225"/>
              <a:gd name="connsiteX3" fmla="*/ 335121 w 3361378"/>
              <a:gd name="connsiteY3" fmla="*/ 3710267 h 4268225"/>
              <a:gd name="connsiteX4" fmla="*/ 535146 w 3361378"/>
              <a:gd name="connsiteY4" fmla="*/ 3591205 h 4268225"/>
              <a:gd name="connsiteX5" fmla="*/ 682784 w 3361378"/>
              <a:gd name="connsiteY5" fmla="*/ 3515005 h 4268225"/>
              <a:gd name="connsiteX6" fmla="*/ 697071 w 3361378"/>
              <a:gd name="connsiteY6" fmla="*/ 3500717 h 4268225"/>
              <a:gd name="connsiteX7" fmla="*/ 801846 w 3361378"/>
              <a:gd name="connsiteY7" fmla="*/ 3453092 h 4268225"/>
              <a:gd name="connsiteX8" fmla="*/ 882809 w 3361378"/>
              <a:gd name="connsiteY8" fmla="*/ 3376892 h 4268225"/>
              <a:gd name="connsiteX9" fmla="*/ 954246 w 3361378"/>
              <a:gd name="connsiteY9" fmla="*/ 3253067 h 4268225"/>
              <a:gd name="connsiteX10" fmla="*/ 1182846 w 3361378"/>
              <a:gd name="connsiteY10" fmla="*/ 3053042 h 4268225"/>
              <a:gd name="connsiteX11" fmla="*/ 1273334 w 3361378"/>
              <a:gd name="connsiteY11" fmla="*/ 3019705 h 4268225"/>
              <a:gd name="connsiteX12" fmla="*/ 1416209 w 3361378"/>
              <a:gd name="connsiteY12" fmla="*/ 3005417 h 4268225"/>
              <a:gd name="connsiteX13" fmla="*/ 1578134 w 3361378"/>
              <a:gd name="connsiteY13" fmla="*/ 3005417 h 4268225"/>
              <a:gd name="connsiteX14" fmla="*/ 1787684 w 3361378"/>
              <a:gd name="connsiteY14" fmla="*/ 3029230 h 4268225"/>
              <a:gd name="connsiteX15" fmla="*/ 1887696 w 3361378"/>
              <a:gd name="connsiteY15" fmla="*/ 3038755 h 4268225"/>
              <a:gd name="connsiteX16" fmla="*/ 1992471 w 3361378"/>
              <a:gd name="connsiteY16" fmla="*/ 3005417 h 4268225"/>
              <a:gd name="connsiteX17" fmla="*/ 2011521 w 3361378"/>
              <a:gd name="connsiteY17" fmla="*/ 3014942 h 4268225"/>
              <a:gd name="connsiteX18" fmla="*/ 2049621 w 3361378"/>
              <a:gd name="connsiteY18" fmla="*/ 3038755 h 4268225"/>
              <a:gd name="connsiteX19" fmla="*/ 2044859 w 3361378"/>
              <a:gd name="connsiteY19" fmla="*/ 3086380 h 4268225"/>
              <a:gd name="connsiteX20" fmla="*/ 2130584 w 3361378"/>
              <a:gd name="connsiteY20" fmla="*/ 3129242 h 4268225"/>
              <a:gd name="connsiteX21" fmla="*/ 2173446 w 3361378"/>
              <a:gd name="connsiteY21" fmla="*/ 3086380 h 4268225"/>
              <a:gd name="connsiteX22" fmla="*/ 2221071 w 3361378"/>
              <a:gd name="connsiteY22" fmla="*/ 3019705 h 4268225"/>
              <a:gd name="connsiteX23" fmla="*/ 2221071 w 3361378"/>
              <a:gd name="connsiteY23" fmla="*/ 2976842 h 4268225"/>
              <a:gd name="connsiteX24" fmla="*/ 2297271 w 3361378"/>
              <a:gd name="connsiteY24" fmla="*/ 2805392 h 4268225"/>
              <a:gd name="connsiteX25" fmla="*/ 2340134 w 3361378"/>
              <a:gd name="connsiteY25" fmla="*/ 2643467 h 4268225"/>
              <a:gd name="connsiteX26" fmla="*/ 2397284 w 3361378"/>
              <a:gd name="connsiteY26" fmla="*/ 2638705 h 4268225"/>
              <a:gd name="connsiteX27" fmla="*/ 2549684 w 3361378"/>
              <a:gd name="connsiteY27" fmla="*/ 2586317 h 4268225"/>
              <a:gd name="connsiteX28" fmla="*/ 2621121 w 3361378"/>
              <a:gd name="connsiteY28" fmla="*/ 2467255 h 4268225"/>
              <a:gd name="connsiteX29" fmla="*/ 2692559 w 3361378"/>
              <a:gd name="connsiteY29" fmla="*/ 2405342 h 4268225"/>
              <a:gd name="connsiteX30" fmla="*/ 2725896 w 3361378"/>
              <a:gd name="connsiteY30" fmla="*/ 2343430 h 4268225"/>
              <a:gd name="connsiteX31" fmla="*/ 2754471 w 3361378"/>
              <a:gd name="connsiteY31" fmla="*/ 2229130 h 4268225"/>
              <a:gd name="connsiteX32" fmla="*/ 2878296 w 3361378"/>
              <a:gd name="connsiteY32" fmla="*/ 2205317 h 4268225"/>
              <a:gd name="connsiteX33" fmla="*/ 2973546 w 3361378"/>
              <a:gd name="connsiteY33" fmla="*/ 2129117 h 4268225"/>
              <a:gd name="connsiteX34" fmla="*/ 3035459 w 3361378"/>
              <a:gd name="connsiteY34" fmla="*/ 2148167 h 4268225"/>
              <a:gd name="connsiteX35" fmla="*/ 3078321 w 3361378"/>
              <a:gd name="connsiteY35" fmla="*/ 2171980 h 4268225"/>
              <a:gd name="connsiteX36" fmla="*/ 3064034 w 3361378"/>
              <a:gd name="connsiteY36" fmla="*/ 2224367 h 4268225"/>
              <a:gd name="connsiteX37" fmla="*/ 3164046 w 3361378"/>
              <a:gd name="connsiteY37" fmla="*/ 2219605 h 4268225"/>
              <a:gd name="connsiteX38" fmla="*/ 3278346 w 3361378"/>
              <a:gd name="connsiteY38" fmla="*/ 2124355 h 4268225"/>
              <a:gd name="connsiteX39" fmla="*/ 3349784 w 3361378"/>
              <a:gd name="connsiteY39" fmla="*/ 2029105 h 4268225"/>
              <a:gd name="connsiteX40" fmla="*/ 3349784 w 3361378"/>
              <a:gd name="connsiteY40" fmla="*/ 1890992 h 4268225"/>
              <a:gd name="connsiteX41" fmla="*/ 3354546 w 3361378"/>
              <a:gd name="connsiteY41" fmla="*/ 1833842 h 4268225"/>
              <a:gd name="connsiteX42" fmla="*/ 3245009 w 3361378"/>
              <a:gd name="connsiteY42" fmla="*/ 1867180 h 4268225"/>
              <a:gd name="connsiteX43" fmla="*/ 3235484 w 3361378"/>
              <a:gd name="connsiteY43" fmla="*/ 1790980 h 4268225"/>
              <a:gd name="connsiteX44" fmla="*/ 3154521 w 3361378"/>
              <a:gd name="connsiteY44" fmla="*/ 1738592 h 4268225"/>
              <a:gd name="connsiteX45" fmla="*/ 3106896 w 3361378"/>
              <a:gd name="connsiteY45" fmla="*/ 1643342 h 4268225"/>
              <a:gd name="connsiteX46" fmla="*/ 3116421 w 3361378"/>
              <a:gd name="connsiteY46" fmla="*/ 1605242 h 4268225"/>
              <a:gd name="connsiteX47" fmla="*/ 3087846 w 3361378"/>
              <a:gd name="connsiteY47" fmla="*/ 1514755 h 4268225"/>
              <a:gd name="connsiteX48" fmla="*/ 3059271 w 3361378"/>
              <a:gd name="connsiteY48" fmla="*/ 1343305 h 4268225"/>
              <a:gd name="connsiteX49" fmla="*/ 3059271 w 3361378"/>
              <a:gd name="connsiteY49" fmla="*/ 1171855 h 4268225"/>
              <a:gd name="connsiteX50" fmla="*/ 3083084 w 3361378"/>
              <a:gd name="connsiteY50" fmla="*/ 1038505 h 4268225"/>
              <a:gd name="connsiteX51" fmla="*/ 3154521 w 3361378"/>
              <a:gd name="connsiteY51" fmla="*/ 871817 h 4268225"/>
              <a:gd name="connsiteX52" fmla="*/ 3245009 w 3361378"/>
              <a:gd name="connsiteY52" fmla="*/ 705130 h 4268225"/>
              <a:gd name="connsiteX53" fmla="*/ 3240246 w 3361378"/>
              <a:gd name="connsiteY53" fmla="*/ 657505 h 4268225"/>
              <a:gd name="connsiteX54" fmla="*/ 3206909 w 3361378"/>
              <a:gd name="connsiteY54" fmla="*/ 571780 h 4268225"/>
              <a:gd name="connsiteX55" fmla="*/ 3187859 w 3361378"/>
              <a:gd name="connsiteY55" fmla="*/ 486055 h 4268225"/>
              <a:gd name="connsiteX56" fmla="*/ 3183096 w 3361378"/>
              <a:gd name="connsiteY56" fmla="*/ 362230 h 4268225"/>
              <a:gd name="connsiteX57" fmla="*/ 3235484 w 3361378"/>
              <a:gd name="connsiteY57" fmla="*/ 281267 h 4268225"/>
              <a:gd name="connsiteX58" fmla="*/ 3202146 w 3361378"/>
              <a:gd name="connsiteY58" fmla="*/ 195542 h 4268225"/>
              <a:gd name="connsiteX59" fmla="*/ 3140234 w 3361378"/>
              <a:gd name="connsiteY59" fmla="*/ 5042 h 4268225"/>
              <a:gd name="connsiteX60" fmla="*/ 82709 w 3361378"/>
              <a:gd name="connsiteY60" fmla="*/ 24092 h 4268225"/>
              <a:gd name="connsiteX61" fmla="*/ 1746 w 3361378"/>
              <a:gd name="connsiteY61" fmla="*/ 4000780 h 4268225"/>
              <a:gd name="connsiteX0" fmla="*/ 1746 w 3361378"/>
              <a:gd name="connsiteY0" fmla="*/ 3996486 h 4263931"/>
              <a:gd name="connsiteX1" fmla="*/ 177959 w 3361378"/>
              <a:gd name="connsiteY1" fmla="*/ 3886948 h 4263931"/>
              <a:gd name="connsiteX2" fmla="*/ 273209 w 3361378"/>
              <a:gd name="connsiteY2" fmla="*/ 3782173 h 4263931"/>
              <a:gd name="connsiteX3" fmla="*/ 335121 w 3361378"/>
              <a:gd name="connsiteY3" fmla="*/ 3705973 h 4263931"/>
              <a:gd name="connsiteX4" fmla="*/ 535146 w 3361378"/>
              <a:gd name="connsiteY4" fmla="*/ 3586911 h 4263931"/>
              <a:gd name="connsiteX5" fmla="*/ 682784 w 3361378"/>
              <a:gd name="connsiteY5" fmla="*/ 3510711 h 4263931"/>
              <a:gd name="connsiteX6" fmla="*/ 697071 w 3361378"/>
              <a:gd name="connsiteY6" fmla="*/ 3496423 h 4263931"/>
              <a:gd name="connsiteX7" fmla="*/ 801846 w 3361378"/>
              <a:gd name="connsiteY7" fmla="*/ 3448798 h 4263931"/>
              <a:gd name="connsiteX8" fmla="*/ 882809 w 3361378"/>
              <a:gd name="connsiteY8" fmla="*/ 3372598 h 4263931"/>
              <a:gd name="connsiteX9" fmla="*/ 954246 w 3361378"/>
              <a:gd name="connsiteY9" fmla="*/ 3248773 h 4263931"/>
              <a:gd name="connsiteX10" fmla="*/ 1182846 w 3361378"/>
              <a:gd name="connsiteY10" fmla="*/ 3048748 h 4263931"/>
              <a:gd name="connsiteX11" fmla="*/ 1273334 w 3361378"/>
              <a:gd name="connsiteY11" fmla="*/ 3015411 h 4263931"/>
              <a:gd name="connsiteX12" fmla="*/ 1416209 w 3361378"/>
              <a:gd name="connsiteY12" fmla="*/ 3001123 h 4263931"/>
              <a:gd name="connsiteX13" fmla="*/ 1578134 w 3361378"/>
              <a:gd name="connsiteY13" fmla="*/ 3001123 h 4263931"/>
              <a:gd name="connsiteX14" fmla="*/ 1787684 w 3361378"/>
              <a:gd name="connsiteY14" fmla="*/ 3024936 h 4263931"/>
              <a:gd name="connsiteX15" fmla="*/ 1887696 w 3361378"/>
              <a:gd name="connsiteY15" fmla="*/ 3034461 h 4263931"/>
              <a:gd name="connsiteX16" fmla="*/ 1992471 w 3361378"/>
              <a:gd name="connsiteY16" fmla="*/ 3001123 h 4263931"/>
              <a:gd name="connsiteX17" fmla="*/ 2011521 w 3361378"/>
              <a:gd name="connsiteY17" fmla="*/ 3010648 h 4263931"/>
              <a:gd name="connsiteX18" fmla="*/ 2049621 w 3361378"/>
              <a:gd name="connsiteY18" fmla="*/ 3034461 h 4263931"/>
              <a:gd name="connsiteX19" fmla="*/ 2044859 w 3361378"/>
              <a:gd name="connsiteY19" fmla="*/ 3082086 h 4263931"/>
              <a:gd name="connsiteX20" fmla="*/ 2130584 w 3361378"/>
              <a:gd name="connsiteY20" fmla="*/ 3124948 h 4263931"/>
              <a:gd name="connsiteX21" fmla="*/ 2173446 w 3361378"/>
              <a:gd name="connsiteY21" fmla="*/ 3082086 h 4263931"/>
              <a:gd name="connsiteX22" fmla="*/ 2221071 w 3361378"/>
              <a:gd name="connsiteY22" fmla="*/ 3015411 h 4263931"/>
              <a:gd name="connsiteX23" fmla="*/ 2221071 w 3361378"/>
              <a:gd name="connsiteY23" fmla="*/ 2972548 h 4263931"/>
              <a:gd name="connsiteX24" fmla="*/ 2297271 w 3361378"/>
              <a:gd name="connsiteY24" fmla="*/ 2801098 h 4263931"/>
              <a:gd name="connsiteX25" fmla="*/ 2340134 w 3361378"/>
              <a:gd name="connsiteY25" fmla="*/ 2639173 h 4263931"/>
              <a:gd name="connsiteX26" fmla="*/ 2397284 w 3361378"/>
              <a:gd name="connsiteY26" fmla="*/ 2634411 h 4263931"/>
              <a:gd name="connsiteX27" fmla="*/ 2549684 w 3361378"/>
              <a:gd name="connsiteY27" fmla="*/ 2582023 h 4263931"/>
              <a:gd name="connsiteX28" fmla="*/ 2621121 w 3361378"/>
              <a:gd name="connsiteY28" fmla="*/ 2462961 h 4263931"/>
              <a:gd name="connsiteX29" fmla="*/ 2692559 w 3361378"/>
              <a:gd name="connsiteY29" fmla="*/ 2401048 h 4263931"/>
              <a:gd name="connsiteX30" fmla="*/ 2725896 w 3361378"/>
              <a:gd name="connsiteY30" fmla="*/ 2339136 h 4263931"/>
              <a:gd name="connsiteX31" fmla="*/ 2754471 w 3361378"/>
              <a:gd name="connsiteY31" fmla="*/ 2224836 h 4263931"/>
              <a:gd name="connsiteX32" fmla="*/ 2878296 w 3361378"/>
              <a:gd name="connsiteY32" fmla="*/ 2201023 h 4263931"/>
              <a:gd name="connsiteX33" fmla="*/ 2973546 w 3361378"/>
              <a:gd name="connsiteY33" fmla="*/ 2124823 h 4263931"/>
              <a:gd name="connsiteX34" fmla="*/ 3035459 w 3361378"/>
              <a:gd name="connsiteY34" fmla="*/ 2143873 h 4263931"/>
              <a:gd name="connsiteX35" fmla="*/ 3078321 w 3361378"/>
              <a:gd name="connsiteY35" fmla="*/ 2167686 h 4263931"/>
              <a:gd name="connsiteX36" fmla="*/ 3064034 w 3361378"/>
              <a:gd name="connsiteY36" fmla="*/ 2220073 h 4263931"/>
              <a:gd name="connsiteX37" fmla="*/ 3164046 w 3361378"/>
              <a:gd name="connsiteY37" fmla="*/ 2215311 h 4263931"/>
              <a:gd name="connsiteX38" fmla="*/ 3278346 w 3361378"/>
              <a:gd name="connsiteY38" fmla="*/ 2120061 h 4263931"/>
              <a:gd name="connsiteX39" fmla="*/ 3349784 w 3361378"/>
              <a:gd name="connsiteY39" fmla="*/ 2024811 h 4263931"/>
              <a:gd name="connsiteX40" fmla="*/ 3349784 w 3361378"/>
              <a:gd name="connsiteY40" fmla="*/ 1886698 h 4263931"/>
              <a:gd name="connsiteX41" fmla="*/ 3354546 w 3361378"/>
              <a:gd name="connsiteY41" fmla="*/ 1829548 h 4263931"/>
              <a:gd name="connsiteX42" fmla="*/ 3245009 w 3361378"/>
              <a:gd name="connsiteY42" fmla="*/ 1862886 h 4263931"/>
              <a:gd name="connsiteX43" fmla="*/ 3235484 w 3361378"/>
              <a:gd name="connsiteY43" fmla="*/ 1786686 h 4263931"/>
              <a:gd name="connsiteX44" fmla="*/ 3154521 w 3361378"/>
              <a:gd name="connsiteY44" fmla="*/ 1734298 h 4263931"/>
              <a:gd name="connsiteX45" fmla="*/ 3106896 w 3361378"/>
              <a:gd name="connsiteY45" fmla="*/ 1639048 h 4263931"/>
              <a:gd name="connsiteX46" fmla="*/ 3116421 w 3361378"/>
              <a:gd name="connsiteY46" fmla="*/ 1600948 h 4263931"/>
              <a:gd name="connsiteX47" fmla="*/ 3087846 w 3361378"/>
              <a:gd name="connsiteY47" fmla="*/ 1510461 h 4263931"/>
              <a:gd name="connsiteX48" fmla="*/ 3059271 w 3361378"/>
              <a:gd name="connsiteY48" fmla="*/ 1339011 h 4263931"/>
              <a:gd name="connsiteX49" fmla="*/ 3059271 w 3361378"/>
              <a:gd name="connsiteY49" fmla="*/ 1167561 h 4263931"/>
              <a:gd name="connsiteX50" fmla="*/ 3083084 w 3361378"/>
              <a:gd name="connsiteY50" fmla="*/ 1034211 h 4263931"/>
              <a:gd name="connsiteX51" fmla="*/ 3154521 w 3361378"/>
              <a:gd name="connsiteY51" fmla="*/ 867523 h 4263931"/>
              <a:gd name="connsiteX52" fmla="*/ 3245009 w 3361378"/>
              <a:gd name="connsiteY52" fmla="*/ 700836 h 4263931"/>
              <a:gd name="connsiteX53" fmla="*/ 3240246 w 3361378"/>
              <a:gd name="connsiteY53" fmla="*/ 653211 h 4263931"/>
              <a:gd name="connsiteX54" fmla="*/ 3206909 w 3361378"/>
              <a:gd name="connsiteY54" fmla="*/ 567486 h 4263931"/>
              <a:gd name="connsiteX55" fmla="*/ 3187859 w 3361378"/>
              <a:gd name="connsiteY55" fmla="*/ 481761 h 4263931"/>
              <a:gd name="connsiteX56" fmla="*/ 3183096 w 3361378"/>
              <a:gd name="connsiteY56" fmla="*/ 357936 h 4263931"/>
              <a:gd name="connsiteX57" fmla="*/ 3235484 w 3361378"/>
              <a:gd name="connsiteY57" fmla="*/ 276973 h 4263931"/>
              <a:gd name="connsiteX58" fmla="*/ 3202146 w 3361378"/>
              <a:gd name="connsiteY58" fmla="*/ 191248 h 4263931"/>
              <a:gd name="connsiteX59" fmla="*/ 3140234 w 3361378"/>
              <a:gd name="connsiteY59" fmla="*/ 748 h 4263931"/>
              <a:gd name="connsiteX60" fmla="*/ 82709 w 3361378"/>
              <a:gd name="connsiteY60" fmla="*/ 19798 h 4263931"/>
              <a:gd name="connsiteX61" fmla="*/ 1746 w 3361378"/>
              <a:gd name="connsiteY61" fmla="*/ 3996486 h 4263931"/>
              <a:gd name="connsiteX0" fmla="*/ 64293 w 3423925"/>
              <a:gd name="connsiteY0" fmla="*/ 3996486 h 4152570"/>
              <a:gd name="connsiteX1" fmla="*/ 240506 w 3423925"/>
              <a:gd name="connsiteY1" fmla="*/ 3886948 h 4152570"/>
              <a:gd name="connsiteX2" fmla="*/ 335756 w 3423925"/>
              <a:gd name="connsiteY2" fmla="*/ 3782173 h 4152570"/>
              <a:gd name="connsiteX3" fmla="*/ 397668 w 3423925"/>
              <a:gd name="connsiteY3" fmla="*/ 3705973 h 4152570"/>
              <a:gd name="connsiteX4" fmla="*/ 597693 w 3423925"/>
              <a:gd name="connsiteY4" fmla="*/ 3586911 h 4152570"/>
              <a:gd name="connsiteX5" fmla="*/ 745331 w 3423925"/>
              <a:gd name="connsiteY5" fmla="*/ 3510711 h 4152570"/>
              <a:gd name="connsiteX6" fmla="*/ 759618 w 3423925"/>
              <a:gd name="connsiteY6" fmla="*/ 3496423 h 4152570"/>
              <a:gd name="connsiteX7" fmla="*/ 864393 w 3423925"/>
              <a:gd name="connsiteY7" fmla="*/ 3448798 h 4152570"/>
              <a:gd name="connsiteX8" fmla="*/ 945356 w 3423925"/>
              <a:gd name="connsiteY8" fmla="*/ 3372598 h 4152570"/>
              <a:gd name="connsiteX9" fmla="*/ 1016793 w 3423925"/>
              <a:gd name="connsiteY9" fmla="*/ 3248773 h 4152570"/>
              <a:gd name="connsiteX10" fmla="*/ 1245393 w 3423925"/>
              <a:gd name="connsiteY10" fmla="*/ 3048748 h 4152570"/>
              <a:gd name="connsiteX11" fmla="*/ 1335881 w 3423925"/>
              <a:gd name="connsiteY11" fmla="*/ 3015411 h 4152570"/>
              <a:gd name="connsiteX12" fmla="*/ 1478756 w 3423925"/>
              <a:gd name="connsiteY12" fmla="*/ 3001123 h 4152570"/>
              <a:gd name="connsiteX13" fmla="*/ 1640681 w 3423925"/>
              <a:gd name="connsiteY13" fmla="*/ 3001123 h 4152570"/>
              <a:gd name="connsiteX14" fmla="*/ 1850231 w 3423925"/>
              <a:gd name="connsiteY14" fmla="*/ 3024936 h 4152570"/>
              <a:gd name="connsiteX15" fmla="*/ 1950243 w 3423925"/>
              <a:gd name="connsiteY15" fmla="*/ 3034461 h 4152570"/>
              <a:gd name="connsiteX16" fmla="*/ 2055018 w 3423925"/>
              <a:gd name="connsiteY16" fmla="*/ 3001123 h 4152570"/>
              <a:gd name="connsiteX17" fmla="*/ 2074068 w 3423925"/>
              <a:gd name="connsiteY17" fmla="*/ 3010648 h 4152570"/>
              <a:gd name="connsiteX18" fmla="*/ 2112168 w 3423925"/>
              <a:gd name="connsiteY18" fmla="*/ 3034461 h 4152570"/>
              <a:gd name="connsiteX19" fmla="*/ 2107406 w 3423925"/>
              <a:gd name="connsiteY19" fmla="*/ 3082086 h 4152570"/>
              <a:gd name="connsiteX20" fmla="*/ 2193131 w 3423925"/>
              <a:gd name="connsiteY20" fmla="*/ 3124948 h 4152570"/>
              <a:gd name="connsiteX21" fmla="*/ 2235993 w 3423925"/>
              <a:gd name="connsiteY21" fmla="*/ 3082086 h 4152570"/>
              <a:gd name="connsiteX22" fmla="*/ 2283618 w 3423925"/>
              <a:gd name="connsiteY22" fmla="*/ 3015411 h 4152570"/>
              <a:gd name="connsiteX23" fmla="*/ 2283618 w 3423925"/>
              <a:gd name="connsiteY23" fmla="*/ 2972548 h 4152570"/>
              <a:gd name="connsiteX24" fmla="*/ 2359818 w 3423925"/>
              <a:gd name="connsiteY24" fmla="*/ 2801098 h 4152570"/>
              <a:gd name="connsiteX25" fmla="*/ 2402681 w 3423925"/>
              <a:gd name="connsiteY25" fmla="*/ 2639173 h 4152570"/>
              <a:gd name="connsiteX26" fmla="*/ 2459831 w 3423925"/>
              <a:gd name="connsiteY26" fmla="*/ 2634411 h 4152570"/>
              <a:gd name="connsiteX27" fmla="*/ 2612231 w 3423925"/>
              <a:gd name="connsiteY27" fmla="*/ 2582023 h 4152570"/>
              <a:gd name="connsiteX28" fmla="*/ 2683668 w 3423925"/>
              <a:gd name="connsiteY28" fmla="*/ 2462961 h 4152570"/>
              <a:gd name="connsiteX29" fmla="*/ 2755106 w 3423925"/>
              <a:gd name="connsiteY29" fmla="*/ 2401048 h 4152570"/>
              <a:gd name="connsiteX30" fmla="*/ 2788443 w 3423925"/>
              <a:gd name="connsiteY30" fmla="*/ 2339136 h 4152570"/>
              <a:gd name="connsiteX31" fmla="*/ 2817018 w 3423925"/>
              <a:gd name="connsiteY31" fmla="*/ 2224836 h 4152570"/>
              <a:gd name="connsiteX32" fmla="*/ 2940843 w 3423925"/>
              <a:gd name="connsiteY32" fmla="*/ 2201023 h 4152570"/>
              <a:gd name="connsiteX33" fmla="*/ 3036093 w 3423925"/>
              <a:gd name="connsiteY33" fmla="*/ 2124823 h 4152570"/>
              <a:gd name="connsiteX34" fmla="*/ 3098006 w 3423925"/>
              <a:gd name="connsiteY34" fmla="*/ 2143873 h 4152570"/>
              <a:gd name="connsiteX35" fmla="*/ 3140868 w 3423925"/>
              <a:gd name="connsiteY35" fmla="*/ 2167686 h 4152570"/>
              <a:gd name="connsiteX36" fmla="*/ 3126581 w 3423925"/>
              <a:gd name="connsiteY36" fmla="*/ 2220073 h 4152570"/>
              <a:gd name="connsiteX37" fmla="*/ 3226593 w 3423925"/>
              <a:gd name="connsiteY37" fmla="*/ 2215311 h 4152570"/>
              <a:gd name="connsiteX38" fmla="*/ 3340893 w 3423925"/>
              <a:gd name="connsiteY38" fmla="*/ 2120061 h 4152570"/>
              <a:gd name="connsiteX39" fmla="*/ 3412331 w 3423925"/>
              <a:gd name="connsiteY39" fmla="*/ 2024811 h 4152570"/>
              <a:gd name="connsiteX40" fmla="*/ 3412331 w 3423925"/>
              <a:gd name="connsiteY40" fmla="*/ 1886698 h 4152570"/>
              <a:gd name="connsiteX41" fmla="*/ 3417093 w 3423925"/>
              <a:gd name="connsiteY41" fmla="*/ 1829548 h 4152570"/>
              <a:gd name="connsiteX42" fmla="*/ 3307556 w 3423925"/>
              <a:gd name="connsiteY42" fmla="*/ 1862886 h 4152570"/>
              <a:gd name="connsiteX43" fmla="*/ 3298031 w 3423925"/>
              <a:gd name="connsiteY43" fmla="*/ 1786686 h 4152570"/>
              <a:gd name="connsiteX44" fmla="*/ 3217068 w 3423925"/>
              <a:gd name="connsiteY44" fmla="*/ 1734298 h 4152570"/>
              <a:gd name="connsiteX45" fmla="*/ 3169443 w 3423925"/>
              <a:gd name="connsiteY45" fmla="*/ 1639048 h 4152570"/>
              <a:gd name="connsiteX46" fmla="*/ 3178968 w 3423925"/>
              <a:gd name="connsiteY46" fmla="*/ 1600948 h 4152570"/>
              <a:gd name="connsiteX47" fmla="*/ 3150393 w 3423925"/>
              <a:gd name="connsiteY47" fmla="*/ 1510461 h 4152570"/>
              <a:gd name="connsiteX48" fmla="*/ 3121818 w 3423925"/>
              <a:gd name="connsiteY48" fmla="*/ 1339011 h 4152570"/>
              <a:gd name="connsiteX49" fmla="*/ 3121818 w 3423925"/>
              <a:gd name="connsiteY49" fmla="*/ 1167561 h 4152570"/>
              <a:gd name="connsiteX50" fmla="*/ 3145631 w 3423925"/>
              <a:gd name="connsiteY50" fmla="*/ 1034211 h 4152570"/>
              <a:gd name="connsiteX51" fmla="*/ 3217068 w 3423925"/>
              <a:gd name="connsiteY51" fmla="*/ 867523 h 4152570"/>
              <a:gd name="connsiteX52" fmla="*/ 3307556 w 3423925"/>
              <a:gd name="connsiteY52" fmla="*/ 700836 h 4152570"/>
              <a:gd name="connsiteX53" fmla="*/ 3302793 w 3423925"/>
              <a:gd name="connsiteY53" fmla="*/ 653211 h 4152570"/>
              <a:gd name="connsiteX54" fmla="*/ 3269456 w 3423925"/>
              <a:gd name="connsiteY54" fmla="*/ 567486 h 4152570"/>
              <a:gd name="connsiteX55" fmla="*/ 3250406 w 3423925"/>
              <a:gd name="connsiteY55" fmla="*/ 481761 h 4152570"/>
              <a:gd name="connsiteX56" fmla="*/ 3245643 w 3423925"/>
              <a:gd name="connsiteY56" fmla="*/ 357936 h 4152570"/>
              <a:gd name="connsiteX57" fmla="*/ 3298031 w 3423925"/>
              <a:gd name="connsiteY57" fmla="*/ 276973 h 4152570"/>
              <a:gd name="connsiteX58" fmla="*/ 3264693 w 3423925"/>
              <a:gd name="connsiteY58" fmla="*/ 191248 h 4152570"/>
              <a:gd name="connsiteX59" fmla="*/ 3202781 w 3423925"/>
              <a:gd name="connsiteY59" fmla="*/ 748 h 4152570"/>
              <a:gd name="connsiteX60" fmla="*/ 145256 w 3423925"/>
              <a:gd name="connsiteY60" fmla="*/ 19798 h 4152570"/>
              <a:gd name="connsiteX61" fmla="*/ 64293 w 3423925"/>
              <a:gd name="connsiteY61" fmla="*/ 3996486 h 4152570"/>
              <a:gd name="connsiteX0" fmla="*/ 64293 w 3423925"/>
              <a:gd name="connsiteY0" fmla="*/ 3996486 h 4152570"/>
              <a:gd name="connsiteX1" fmla="*/ 240506 w 3423925"/>
              <a:gd name="connsiteY1" fmla="*/ 3886948 h 4152570"/>
              <a:gd name="connsiteX2" fmla="*/ 335756 w 3423925"/>
              <a:gd name="connsiteY2" fmla="*/ 3782173 h 4152570"/>
              <a:gd name="connsiteX3" fmla="*/ 397668 w 3423925"/>
              <a:gd name="connsiteY3" fmla="*/ 3705973 h 4152570"/>
              <a:gd name="connsiteX4" fmla="*/ 597693 w 3423925"/>
              <a:gd name="connsiteY4" fmla="*/ 3586911 h 4152570"/>
              <a:gd name="connsiteX5" fmla="*/ 745331 w 3423925"/>
              <a:gd name="connsiteY5" fmla="*/ 3510711 h 4152570"/>
              <a:gd name="connsiteX6" fmla="*/ 759618 w 3423925"/>
              <a:gd name="connsiteY6" fmla="*/ 3496423 h 4152570"/>
              <a:gd name="connsiteX7" fmla="*/ 864393 w 3423925"/>
              <a:gd name="connsiteY7" fmla="*/ 3448798 h 4152570"/>
              <a:gd name="connsiteX8" fmla="*/ 945356 w 3423925"/>
              <a:gd name="connsiteY8" fmla="*/ 3372598 h 4152570"/>
              <a:gd name="connsiteX9" fmla="*/ 1016793 w 3423925"/>
              <a:gd name="connsiteY9" fmla="*/ 3248773 h 4152570"/>
              <a:gd name="connsiteX10" fmla="*/ 1245393 w 3423925"/>
              <a:gd name="connsiteY10" fmla="*/ 3048748 h 4152570"/>
              <a:gd name="connsiteX11" fmla="*/ 1335881 w 3423925"/>
              <a:gd name="connsiteY11" fmla="*/ 3015411 h 4152570"/>
              <a:gd name="connsiteX12" fmla="*/ 1478756 w 3423925"/>
              <a:gd name="connsiteY12" fmla="*/ 3001123 h 4152570"/>
              <a:gd name="connsiteX13" fmla="*/ 1640681 w 3423925"/>
              <a:gd name="connsiteY13" fmla="*/ 3001123 h 4152570"/>
              <a:gd name="connsiteX14" fmla="*/ 1850231 w 3423925"/>
              <a:gd name="connsiteY14" fmla="*/ 3024936 h 4152570"/>
              <a:gd name="connsiteX15" fmla="*/ 1950243 w 3423925"/>
              <a:gd name="connsiteY15" fmla="*/ 3034461 h 4152570"/>
              <a:gd name="connsiteX16" fmla="*/ 2055018 w 3423925"/>
              <a:gd name="connsiteY16" fmla="*/ 3001123 h 4152570"/>
              <a:gd name="connsiteX17" fmla="*/ 2074068 w 3423925"/>
              <a:gd name="connsiteY17" fmla="*/ 3010648 h 4152570"/>
              <a:gd name="connsiteX18" fmla="*/ 2112168 w 3423925"/>
              <a:gd name="connsiteY18" fmla="*/ 3034461 h 4152570"/>
              <a:gd name="connsiteX19" fmla="*/ 2107406 w 3423925"/>
              <a:gd name="connsiteY19" fmla="*/ 3082086 h 4152570"/>
              <a:gd name="connsiteX20" fmla="*/ 2193131 w 3423925"/>
              <a:gd name="connsiteY20" fmla="*/ 3124948 h 4152570"/>
              <a:gd name="connsiteX21" fmla="*/ 2235993 w 3423925"/>
              <a:gd name="connsiteY21" fmla="*/ 3082086 h 4152570"/>
              <a:gd name="connsiteX22" fmla="*/ 2283618 w 3423925"/>
              <a:gd name="connsiteY22" fmla="*/ 3015411 h 4152570"/>
              <a:gd name="connsiteX23" fmla="*/ 2283618 w 3423925"/>
              <a:gd name="connsiteY23" fmla="*/ 2972548 h 4152570"/>
              <a:gd name="connsiteX24" fmla="*/ 2359818 w 3423925"/>
              <a:gd name="connsiteY24" fmla="*/ 2801098 h 4152570"/>
              <a:gd name="connsiteX25" fmla="*/ 2402681 w 3423925"/>
              <a:gd name="connsiteY25" fmla="*/ 2639173 h 4152570"/>
              <a:gd name="connsiteX26" fmla="*/ 2459831 w 3423925"/>
              <a:gd name="connsiteY26" fmla="*/ 2634411 h 4152570"/>
              <a:gd name="connsiteX27" fmla="*/ 2612231 w 3423925"/>
              <a:gd name="connsiteY27" fmla="*/ 2582023 h 4152570"/>
              <a:gd name="connsiteX28" fmla="*/ 2683668 w 3423925"/>
              <a:gd name="connsiteY28" fmla="*/ 2462961 h 4152570"/>
              <a:gd name="connsiteX29" fmla="*/ 2755106 w 3423925"/>
              <a:gd name="connsiteY29" fmla="*/ 2401048 h 4152570"/>
              <a:gd name="connsiteX30" fmla="*/ 2788443 w 3423925"/>
              <a:gd name="connsiteY30" fmla="*/ 2339136 h 4152570"/>
              <a:gd name="connsiteX31" fmla="*/ 2817018 w 3423925"/>
              <a:gd name="connsiteY31" fmla="*/ 2224836 h 4152570"/>
              <a:gd name="connsiteX32" fmla="*/ 2940843 w 3423925"/>
              <a:gd name="connsiteY32" fmla="*/ 2201023 h 4152570"/>
              <a:gd name="connsiteX33" fmla="*/ 3036093 w 3423925"/>
              <a:gd name="connsiteY33" fmla="*/ 2124823 h 4152570"/>
              <a:gd name="connsiteX34" fmla="*/ 3098006 w 3423925"/>
              <a:gd name="connsiteY34" fmla="*/ 2143873 h 4152570"/>
              <a:gd name="connsiteX35" fmla="*/ 3140868 w 3423925"/>
              <a:gd name="connsiteY35" fmla="*/ 2167686 h 4152570"/>
              <a:gd name="connsiteX36" fmla="*/ 3126581 w 3423925"/>
              <a:gd name="connsiteY36" fmla="*/ 2220073 h 4152570"/>
              <a:gd name="connsiteX37" fmla="*/ 3226593 w 3423925"/>
              <a:gd name="connsiteY37" fmla="*/ 2215311 h 4152570"/>
              <a:gd name="connsiteX38" fmla="*/ 3340893 w 3423925"/>
              <a:gd name="connsiteY38" fmla="*/ 2120061 h 4152570"/>
              <a:gd name="connsiteX39" fmla="*/ 3412331 w 3423925"/>
              <a:gd name="connsiteY39" fmla="*/ 2024811 h 4152570"/>
              <a:gd name="connsiteX40" fmla="*/ 3412331 w 3423925"/>
              <a:gd name="connsiteY40" fmla="*/ 1886698 h 4152570"/>
              <a:gd name="connsiteX41" fmla="*/ 3417093 w 3423925"/>
              <a:gd name="connsiteY41" fmla="*/ 1829548 h 4152570"/>
              <a:gd name="connsiteX42" fmla="*/ 3307556 w 3423925"/>
              <a:gd name="connsiteY42" fmla="*/ 1862886 h 4152570"/>
              <a:gd name="connsiteX43" fmla="*/ 3298031 w 3423925"/>
              <a:gd name="connsiteY43" fmla="*/ 1786686 h 4152570"/>
              <a:gd name="connsiteX44" fmla="*/ 3217068 w 3423925"/>
              <a:gd name="connsiteY44" fmla="*/ 1734298 h 4152570"/>
              <a:gd name="connsiteX45" fmla="*/ 3169443 w 3423925"/>
              <a:gd name="connsiteY45" fmla="*/ 1639048 h 4152570"/>
              <a:gd name="connsiteX46" fmla="*/ 3178968 w 3423925"/>
              <a:gd name="connsiteY46" fmla="*/ 1600948 h 4152570"/>
              <a:gd name="connsiteX47" fmla="*/ 3150393 w 3423925"/>
              <a:gd name="connsiteY47" fmla="*/ 1510461 h 4152570"/>
              <a:gd name="connsiteX48" fmla="*/ 3121818 w 3423925"/>
              <a:gd name="connsiteY48" fmla="*/ 1339011 h 4152570"/>
              <a:gd name="connsiteX49" fmla="*/ 3121818 w 3423925"/>
              <a:gd name="connsiteY49" fmla="*/ 1167561 h 4152570"/>
              <a:gd name="connsiteX50" fmla="*/ 3145631 w 3423925"/>
              <a:gd name="connsiteY50" fmla="*/ 1034211 h 4152570"/>
              <a:gd name="connsiteX51" fmla="*/ 3217068 w 3423925"/>
              <a:gd name="connsiteY51" fmla="*/ 867523 h 4152570"/>
              <a:gd name="connsiteX52" fmla="*/ 3307556 w 3423925"/>
              <a:gd name="connsiteY52" fmla="*/ 700836 h 4152570"/>
              <a:gd name="connsiteX53" fmla="*/ 3302793 w 3423925"/>
              <a:gd name="connsiteY53" fmla="*/ 653211 h 4152570"/>
              <a:gd name="connsiteX54" fmla="*/ 3269456 w 3423925"/>
              <a:gd name="connsiteY54" fmla="*/ 567486 h 4152570"/>
              <a:gd name="connsiteX55" fmla="*/ 3250406 w 3423925"/>
              <a:gd name="connsiteY55" fmla="*/ 481761 h 4152570"/>
              <a:gd name="connsiteX56" fmla="*/ 3245643 w 3423925"/>
              <a:gd name="connsiteY56" fmla="*/ 357936 h 4152570"/>
              <a:gd name="connsiteX57" fmla="*/ 3298031 w 3423925"/>
              <a:gd name="connsiteY57" fmla="*/ 276973 h 4152570"/>
              <a:gd name="connsiteX58" fmla="*/ 3264693 w 3423925"/>
              <a:gd name="connsiteY58" fmla="*/ 191248 h 4152570"/>
              <a:gd name="connsiteX59" fmla="*/ 3202781 w 3423925"/>
              <a:gd name="connsiteY59" fmla="*/ 748 h 4152570"/>
              <a:gd name="connsiteX60" fmla="*/ 145256 w 3423925"/>
              <a:gd name="connsiteY60" fmla="*/ 19798 h 4152570"/>
              <a:gd name="connsiteX61" fmla="*/ 64293 w 3423925"/>
              <a:gd name="connsiteY61" fmla="*/ 3996486 h 4152570"/>
              <a:gd name="connsiteX0" fmla="*/ 64293 w 3423925"/>
              <a:gd name="connsiteY0" fmla="*/ 3996486 h 3996486"/>
              <a:gd name="connsiteX1" fmla="*/ 240506 w 3423925"/>
              <a:gd name="connsiteY1" fmla="*/ 3886948 h 3996486"/>
              <a:gd name="connsiteX2" fmla="*/ 335756 w 3423925"/>
              <a:gd name="connsiteY2" fmla="*/ 3782173 h 3996486"/>
              <a:gd name="connsiteX3" fmla="*/ 397668 w 3423925"/>
              <a:gd name="connsiteY3" fmla="*/ 3705973 h 3996486"/>
              <a:gd name="connsiteX4" fmla="*/ 597693 w 3423925"/>
              <a:gd name="connsiteY4" fmla="*/ 3586911 h 3996486"/>
              <a:gd name="connsiteX5" fmla="*/ 745331 w 3423925"/>
              <a:gd name="connsiteY5" fmla="*/ 3510711 h 3996486"/>
              <a:gd name="connsiteX6" fmla="*/ 759618 w 3423925"/>
              <a:gd name="connsiteY6" fmla="*/ 3496423 h 3996486"/>
              <a:gd name="connsiteX7" fmla="*/ 864393 w 3423925"/>
              <a:gd name="connsiteY7" fmla="*/ 3448798 h 3996486"/>
              <a:gd name="connsiteX8" fmla="*/ 945356 w 3423925"/>
              <a:gd name="connsiteY8" fmla="*/ 3372598 h 3996486"/>
              <a:gd name="connsiteX9" fmla="*/ 1016793 w 3423925"/>
              <a:gd name="connsiteY9" fmla="*/ 3248773 h 3996486"/>
              <a:gd name="connsiteX10" fmla="*/ 1245393 w 3423925"/>
              <a:gd name="connsiteY10" fmla="*/ 3048748 h 3996486"/>
              <a:gd name="connsiteX11" fmla="*/ 1335881 w 3423925"/>
              <a:gd name="connsiteY11" fmla="*/ 3015411 h 3996486"/>
              <a:gd name="connsiteX12" fmla="*/ 1478756 w 3423925"/>
              <a:gd name="connsiteY12" fmla="*/ 3001123 h 3996486"/>
              <a:gd name="connsiteX13" fmla="*/ 1640681 w 3423925"/>
              <a:gd name="connsiteY13" fmla="*/ 3001123 h 3996486"/>
              <a:gd name="connsiteX14" fmla="*/ 1850231 w 3423925"/>
              <a:gd name="connsiteY14" fmla="*/ 3024936 h 3996486"/>
              <a:gd name="connsiteX15" fmla="*/ 1950243 w 3423925"/>
              <a:gd name="connsiteY15" fmla="*/ 3034461 h 3996486"/>
              <a:gd name="connsiteX16" fmla="*/ 2055018 w 3423925"/>
              <a:gd name="connsiteY16" fmla="*/ 3001123 h 3996486"/>
              <a:gd name="connsiteX17" fmla="*/ 2074068 w 3423925"/>
              <a:gd name="connsiteY17" fmla="*/ 3010648 h 3996486"/>
              <a:gd name="connsiteX18" fmla="*/ 2112168 w 3423925"/>
              <a:gd name="connsiteY18" fmla="*/ 3034461 h 3996486"/>
              <a:gd name="connsiteX19" fmla="*/ 2107406 w 3423925"/>
              <a:gd name="connsiteY19" fmla="*/ 3082086 h 3996486"/>
              <a:gd name="connsiteX20" fmla="*/ 2193131 w 3423925"/>
              <a:gd name="connsiteY20" fmla="*/ 3124948 h 3996486"/>
              <a:gd name="connsiteX21" fmla="*/ 2235993 w 3423925"/>
              <a:gd name="connsiteY21" fmla="*/ 3082086 h 3996486"/>
              <a:gd name="connsiteX22" fmla="*/ 2283618 w 3423925"/>
              <a:gd name="connsiteY22" fmla="*/ 3015411 h 3996486"/>
              <a:gd name="connsiteX23" fmla="*/ 2283618 w 3423925"/>
              <a:gd name="connsiteY23" fmla="*/ 2972548 h 3996486"/>
              <a:gd name="connsiteX24" fmla="*/ 2359818 w 3423925"/>
              <a:gd name="connsiteY24" fmla="*/ 2801098 h 3996486"/>
              <a:gd name="connsiteX25" fmla="*/ 2402681 w 3423925"/>
              <a:gd name="connsiteY25" fmla="*/ 2639173 h 3996486"/>
              <a:gd name="connsiteX26" fmla="*/ 2459831 w 3423925"/>
              <a:gd name="connsiteY26" fmla="*/ 2634411 h 3996486"/>
              <a:gd name="connsiteX27" fmla="*/ 2612231 w 3423925"/>
              <a:gd name="connsiteY27" fmla="*/ 2582023 h 3996486"/>
              <a:gd name="connsiteX28" fmla="*/ 2683668 w 3423925"/>
              <a:gd name="connsiteY28" fmla="*/ 2462961 h 3996486"/>
              <a:gd name="connsiteX29" fmla="*/ 2755106 w 3423925"/>
              <a:gd name="connsiteY29" fmla="*/ 2401048 h 3996486"/>
              <a:gd name="connsiteX30" fmla="*/ 2788443 w 3423925"/>
              <a:gd name="connsiteY30" fmla="*/ 2339136 h 3996486"/>
              <a:gd name="connsiteX31" fmla="*/ 2817018 w 3423925"/>
              <a:gd name="connsiteY31" fmla="*/ 2224836 h 3996486"/>
              <a:gd name="connsiteX32" fmla="*/ 2940843 w 3423925"/>
              <a:gd name="connsiteY32" fmla="*/ 2201023 h 3996486"/>
              <a:gd name="connsiteX33" fmla="*/ 3036093 w 3423925"/>
              <a:gd name="connsiteY33" fmla="*/ 2124823 h 3996486"/>
              <a:gd name="connsiteX34" fmla="*/ 3098006 w 3423925"/>
              <a:gd name="connsiteY34" fmla="*/ 2143873 h 3996486"/>
              <a:gd name="connsiteX35" fmla="*/ 3140868 w 3423925"/>
              <a:gd name="connsiteY35" fmla="*/ 2167686 h 3996486"/>
              <a:gd name="connsiteX36" fmla="*/ 3126581 w 3423925"/>
              <a:gd name="connsiteY36" fmla="*/ 2220073 h 3996486"/>
              <a:gd name="connsiteX37" fmla="*/ 3226593 w 3423925"/>
              <a:gd name="connsiteY37" fmla="*/ 2215311 h 3996486"/>
              <a:gd name="connsiteX38" fmla="*/ 3340893 w 3423925"/>
              <a:gd name="connsiteY38" fmla="*/ 2120061 h 3996486"/>
              <a:gd name="connsiteX39" fmla="*/ 3412331 w 3423925"/>
              <a:gd name="connsiteY39" fmla="*/ 2024811 h 3996486"/>
              <a:gd name="connsiteX40" fmla="*/ 3412331 w 3423925"/>
              <a:gd name="connsiteY40" fmla="*/ 1886698 h 3996486"/>
              <a:gd name="connsiteX41" fmla="*/ 3417093 w 3423925"/>
              <a:gd name="connsiteY41" fmla="*/ 1829548 h 3996486"/>
              <a:gd name="connsiteX42" fmla="*/ 3307556 w 3423925"/>
              <a:gd name="connsiteY42" fmla="*/ 1862886 h 3996486"/>
              <a:gd name="connsiteX43" fmla="*/ 3298031 w 3423925"/>
              <a:gd name="connsiteY43" fmla="*/ 1786686 h 3996486"/>
              <a:gd name="connsiteX44" fmla="*/ 3217068 w 3423925"/>
              <a:gd name="connsiteY44" fmla="*/ 1734298 h 3996486"/>
              <a:gd name="connsiteX45" fmla="*/ 3169443 w 3423925"/>
              <a:gd name="connsiteY45" fmla="*/ 1639048 h 3996486"/>
              <a:gd name="connsiteX46" fmla="*/ 3178968 w 3423925"/>
              <a:gd name="connsiteY46" fmla="*/ 1600948 h 3996486"/>
              <a:gd name="connsiteX47" fmla="*/ 3150393 w 3423925"/>
              <a:gd name="connsiteY47" fmla="*/ 1510461 h 3996486"/>
              <a:gd name="connsiteX48" fmla="*/ 3121818 w 3423925"/>
              <a:gd name="connsiteY48" fmla="*/ 1339011 h 3996486"/>
              <a:gd name="connsiteX49" fmla="*/ 3121818 w 3423925"/>
              <a:gd name="connsiteY49" fmla="*/ 1167561 h 3996486"/>
              <a:gd name="connsiteX50" fmla="*/ 3145631 w 3423925"/>
              <a:gd name="connsiteY50" fmla="*/ 1034211 h 3996486"/>
              <a:gd name="connsiteX51" fmla="*/ 3217068 w 3423925"/>
              <a:gd name="connsiteY51" fmla="*/ 867523 h 3996486"/>
              <a:gd name="connsiteX52" fmla="*/ 3307556 w 3423925"/>
              <a:gd name="connsiteY52" fmla="*/ 700836 h 3996486"/>
              <a:gd name="connsiteX53" fmla="*/ 3302793 w 3423925"/>
              <a:gd name="connsiteY53" fmla="*/ 653211 h 3996486"/>
              <a:gd name="connsiteX54" fmla="*/ 3269456 w 3423925"/>
              <a:gd name="connsiteY54" fmla="*/ 567486 h 3996486"/>
              <a:gd name="connsiteX55" fmla="*/ 3250406 w 3423925"/>
              <a:gd name="connsiteY55" fmla="*/ 481761 h 3996486"/>
              <a:gd name="connsiteX56" fmla="*/ 3245643 w 3423925"/>
              <a:gd name="connsiteY56" fmla="*/ 357936 h 3996486"/>
              <a:gd name="connsiteX57" fmla="*/ 3298031 w 3423925"/>
              <a:gd name="connsiteY57" fmla="*/ 276973 h 3996486"/>
              <a:gd name="connsiteX58" fmla="*/ 3264693 w 3423925"/>
              <a:gd name="connsiteY58" fmla="*/ 191248 h 3996486"/>
              <a:gd name="connsiteX59" fmla="*/ 3202781 w 3423925"/>
              <a:gd name="connsiteY59" fmla="*/ 748 h 3996486"/>
              <a:gd name="connsiteX60" fmla="*/ 145256 w 3423925"/>
              <a:gd name="connsiteY60" fmla="*/ 19798 h 3996486"/>
              <a:gd name="connsiteX61" fmla="*/ 64293 w 3423925"/>
              <a:gd name="connsiteY61" fmla="*/ 3996486 h 3996486"/>
              <a:gd name="connsiteX0" fmla="*/ 5162 w 3364794"/>
              <a:gd name="connsiteY0" fmla="*/ 3996486 h 3996486"/>
              <a:gd name="connsiteX1" fmla="*/ 181375 w 3364794"/>
              <a:gd name="connsiteY1" fmla="*/ 3886948 h 3996486"/>
              <a:gd name="connsiteX2" fmla="*/ 276625 w 3364794"/>
              <a:gd name="connsiteY2" fmla="*/ 3782173 h 3996486"/>
              <a:gd name="connsiteX3" fmla="*/ 338537 w 3364794"/>
              <a:gd name="connsiteY3" fmla="*/ 3705973 h 3996486"/>
              <a:gd name="connsiteX4" fmla="*/ 538562 w 3364794"/>
              <a:gd name="connsiteY4" fmla="*/ 3586911 h 3996486"/>
              <a:gd name="connsiteX5" fmla="*/ 686200 w 3364794"/>
              <a:gd name="connsiteY5" fmla="*/ 3510711 h 3996486"/>
              <a:gd name="connsiteX6" fmla="*/ 700487 w 3364794"/>
              <a:gd name="connsiteY6" fmla="*/ 3496423 h 3996486"/>
              <a:gd name="connsiteX7" fmla="*/ 805262 w 3364794"/>
              <a:gd name="connsiteY7" fmla="*/ 3448798 h 3996486"/>
              <a:gd name="connsiteX8" fmla="*/ 886225 w 3364794"/>
              <a:gd name="connsiteY8" fmla="*/ 3372598 h 3996486"/>
              <a:gd name="connsiteX9" fmla="*/ 957662 w 3364794"/>
              <a:gd name="connsiteY9" fmla="*/ 3248773 h 3996486"/>
              <a:gd name="connsiteX10" fmla="*/ 1186262 w 3364794"/>
              <a:gd name="connsiteY10" fmla="*/ 3048748 h 3996486"/>
              <a:gd name="connsiteX11" fmla="*/ 1276750 w 3364794"/>
              <a:gd name="connsiteY11" fmla="*/ 3015411 h 3996486"/>
              <a:gd name="connsiteX12" fmla="*/ 1419625 w 3364794"/>
              <a:gd name="connsiteY12" fmla="*/ 3001123 h 3996486"/>
              <a:gd name="connsiteX13" fmla="*/ 1581550 w 3364794"/>
              <a:gd name="connsiteY13" fmla="*/ 3001123 h 3996486"/>
              <a:gd name="connsiteX14" fmla="*/ 1791100 w 3364794"/>
              <a:gd name="connsiteY14" fmla="*/ 3024936 h 3996486"/>
              <a:gd name="connsiteX15" fmla="*/ 1891112 w 3364794"/>
              <a:gd name="connsiteY15" fmla="*/ 3034461 h 3996486"/>
              <a:gd name="connsiteX16" fmla="*/ 1995887 w 3364794"/>
              <a:gd name="connsiteY16" fmla="*/ 3001123 h 3996486"/>
              <a:gd name="connsiteX17" fmla="*/ 2014937 w 3364794"/>
              <a:gd name="connsiteY17" fmla="*/ 3010648 h 3996486"/>
              <a:gd name="connsiteX18" fmla="*/ 2053037 w 3364794"/>
              <a:gd name="connsiteY18" fmla="*/ 3034461 h 3996486"/>
              <a:gd name="connsiteX19" fmla="*/ 2048275 w 3364794"/>
              <a:gd name="connsiteY19" fmla="*/ 3082086 h 3996486"/>
              <a:gd name="connsiteX20" fmla="*/ 2134000 w 3364794"/>
              <a:gd name="connsiteY20" fmla="*/ 3124948 h 3996486"/>
              <a:gd name="connsiteX21" fmla="*/ 2176862 w 3364794"/>
              <a:gd name="connsiteY21" fmla="*/ 3082086 h 3996486"/>
              <a:gd name="connsiteX22" fmla="*/ 2224487 w 3364794"/>
              <a:gd name="connsiteY22" fmla="*/ 3015411 h 3996486"/>
              <a:gd name="connsiteX23" fmla="*/ 2224487 w 3364794"/>
              <a:gd name="connsiteY23" fmla="*/ 2972548 h 3996486"/>
              <a:gd name="connsiteX24" fmla="*/ 2300687 w 3364794"/>
              <a:gd name="connsiteY24" fmla="*/ 2801098 h 3996486"/>
              <a:gd name="connsiteX25" fmla="*/ 2343550 w 3364794"/>
              <a:gd name="connsiteY25" fmla="*/ 2639173 h 3996486"/>
              <a:gd name="connsiteX26" fmla="*/ 2400700 w 3364794"/>
              <a:gd name="connsiteY26" fmla="*/ 2634411 h 3996486"/>
              <a:gd name="connsiteX27" fmla="*/ 2553100 w 3364794"/>
              <a:gd name="connsiteY27" fmla="*/ 2582023 h 3996486"/>
              <a:gd name="connsiteX28" fmla="*/ 2624537 w 3364794"/>
              <a:gd name="connsiteY28" fmla="*/ 2462961 h 3996486"/>
              <a:gd name="connsiteX29" fmla="*/ 2695975 w 3364794"/>
              <a:gd name="connsiteY29" fmla="*/ 2401048 h 3996486"/>
              <a:gd name="connsiteX30" fmla="*/ 2729312 w 3364794"/>
              <a:gd name="connsiteY30" fmla="*/ 2339136 h 3996486"/>
              <a:gd name="connsiteX31" fmla="*/ 2757887 w 3364794"/>
              <a:gd name="connsiteY31" fmla="*/ 2224836 h 3996486"/>
              <a:gd name="connsiteX32" fmla="*/ 2881712 w 3364794"/>
              <a:gd name="connsiteY32" fmla="*/ 2201023 h 3996486"/>
              <a:gd name="connsiteX33" fmla="*/ 2976962 w 3364794"/>
              <a:gd name="connsiteY33" fmla="*/ 2124823 h 3996486"/>
              <a:gd name="connsiteX34" fmla="*/ 3038875 w 3364794"/>
              <a:gd name="connsiteY34" fmla="*/ 2143873 h 3996486"/>
              <a:gd name="connsiteX35" fmla="*/ 3081737 w 3364794"/>
              <a:gd name="connsiteY35" fmla="*/ 2167686 h 3996486"/>
              <a:gd name="connsiteX36" fmla="*/ 3067450 w 3364794"/>
              <a:gd name="connsiteY36" fmla="*/ 2220073 h 3996486"/>
              <a:gd name="connsiteX37" fmla="*/ 3167462 w 3364794"/>
              <a:gd name="connsiteY37" fmla="*/ 2215311 h 3996486"/>
              <a:gd name="connsiteX38" fmla="*/ 3281762 w 3364794"/>
              <a:gd name="connsiteY38" fmla="*/ 2120061 h 3996486"/>
              <a:gd name="connsiteX39" fmla="*/ 3353200 w 3364794"/>
              <a:gd name="connsiteY39" fmla="*/ 2024811 h 3996486"/>
              <a:gd name="connsiteX40" fmla="*/ 3353200 w 3364794"/>
              <a:gd name="connsiteY40" fmla="*/ 1886698 h 3996486"/>
              <a:gd name="connsiteX41" fmla="*/ 3357962 w 3364794"/>
              <a:gd name="connsiteY41" fmla="*/ 1829548 h 3996486"/>
              <a:gd name="connsiteX42" fmla="*/ 3248425 w 3364794"/>
              <a:gd name="connsiteY42" fmla="*/ 1862886 h 3996486"/>
              <a:gd name="connsiteX43" fmla="*/ 3238900 w 3364794"/>
              <a:gd name="connsiteY43" fmla="*/ 1786686 h 3996486"/>
              <a:gd name="connsiteX44" fmla="*/ 3157937 w 3364794"/>
              <a:gd name="connsiteY44" fmla="*/ 1734298 h 3996486"/>
              <a:gd name="connsiteX45" fmla="*/ 3110312 w 3364794"/>
              <a:gd name="connsiteY45" fmla="*/ 1639048 h 3996486"/>
              <a:gd name="connsiteX46" fmla="*/ 3119837 w 3364794"/>
              <a:gd name="connsiteY46" fmla="*/ 1600948 h 3996486"/>
              <a:gd name="connsiteX47" fmla="*/ 3091262 w 3364794"/>
              <a:gd name="connsiteY47" fmla="*/ 1510461 h 3996486"/>
              <a:gd name="connsiteX48" fmla="*/ 3062687 w 3364794"/>
              <a:gd name="connsiteY48" fmla="*/ 1339011 h 3996486"/>
              <a:gd name="connsiteX49" fmla="*/ 3062687 w 3364794"/>
              <a:gd name="connsiteY49" fmla="*/ 1167561 h 3996486"/>
              <a:gd name="connsiteX50" fmla="*/ 3086500 w 3364794"/>
              <a:gd name="connsiteY50" fmla="*/ 1034211 h 3996486"/>
              <a:gd name="connsiteX51" fmla="*/ 3157937 w 3364794"/>
              <a:gd name="connsiteY51" fmla="*/ 867523 h 3996486"/>
              <a:gd name="connsiteX52" fmla="*/ 3248425 w 3364794"/>
              <a:gd name="connsiteY52" fmla="*/ 700836 h 3996486"/>
              <a:gd name="connsiteX53" fmla="*/ 3243662 w 3364794"/>
              <a:gd name="connsiteY53" fmla="*/ 653211 h 3996486"/>
              <a:gd name="connsiteX54" fmla="*/ 3210325 w 3364794"/>
              <a:gd name="connsiteY54" fmla="*/ 567486 h 3996486"/>
              <a:gd name="connsiteX55" fmla="*/ 3191275 w 3364794"/>
              <a:gd name="connsiteY55" fmla="*/ 481761 h 3996486"/>
              <a:gd name="connsiteX56" fmla="*/ 3186512 w 3364794"/>
              <a:gd name="connsiteY56" fmla="*/ 357936 h 3996486"/>
              <a:gd name="connsiteX57" fmla="*/ 3238900 w 3364794"/>
              <a:gd name="connsiteY57" fmla="*/ 276973 h 3996486"/>
              <a:gd name="connsiteX58" fmla="*/ 3205562 w 3364794"/>
              <a:gd name="connsiteY58" fmla="*/ 191248 h 3996486"/>
              <a:gd name="connsiteX59" fmla="*/ 3143650 w 3364794"/>
              <a:gd name="connsiteY59" fmla="*/ 748 h 3996486"/>
              <a:gd name="connsiteX60" fmla="*/ 86125 w 3364794"/>
              <a:gd name="connsiteY60" fmla="*/ 19798 h 3996486"/>
              <a:gd name="connsiteX61" fmla="*/ 5162 w 3364794"/>
              <a:gd name="connsiteY61" fmla="*/ 3996486 h 3996486"/>
              <a:gd name="connsiteX0" fmla="*/ 6897 w 3366529"/>
              <a:gd name="connsiteY0" fmla="*/ 3996384 h 3996384"/>
              <a:gd name="connsiteX1" fmla="*/ 183110 w 3366529"/>
              <a:gd name="connsiteY1" fmla="*/ 3886846 h 3996384"/>
              <a:gd name="connsiteX2" fmla="*/ 278360 w 3366529"/>
              <a:gd name="connsiteY2" fmla="*/ 3782071 h 3996384"/>
              <a:gd name="connsiteX3" fmla="*/ 340272 w 3366529"/>
              <a:gd name="connsiteY3" fmla="*/ 3705871 h 3996384"/>
              <a:gd name="connsiteX4" fmla="*/ 540297 w 3366529"/>
              <a:gd name="connsiteY4" fmla="*/ 3586809 h 3996384"/>
              <a:gd name="connsiteX5" fmla="*/ 687935 w 3366529"/>
              <a:gd name="connsiteY5" fmla="*/ 3510609 h 3996384"/>
              <a:gd name="connsiteX6" fmla="*/ 702222 w 3366529"/>
              <a:gd name="connsiteY6" fmla="*/ 3496321 h 3996384"/>
              <a:gd name="connsiteX7" fmla="*/ 806997 w 3366529"/>
              <a:gd name="connsiteY7" fmla="*/ 3448696 h 3996384"/>
              <a:gd name="connsiteX8" fmla="*/ 887960 w 3366529"/>
              <a:gd name="connsiteY8" fmla="*/ 3372496 h 3996384"/>
              <a:gd name="connsiteX9" fmla="*/ 959397 w 3366529"/>
              <a:gd name="connsiteY9" fmla="*/ 3248671 h 3996384"/>
              <a:gd name="connsiteX10" fmla="*/ 1187997 w 3366529"/>
              <a:gd name="connsiteY10" fmla="*/ 3048646 h 3996384"/>
              <a:gd name="connsiteX11" fmla="*/ 1278485 w 3366529"/>
              <a:gd name="connsiteY11" fmla="*/ 3015309 h 3996384"/>
              <a:gd name="connsiteX12" fmla="*/ 1421360 w 3366529"/>
              <a:gd name="connsiteY12" fmla="*/ 3001021 h 3996384"/>
              <a:gd name="connsiteX13" fmla="*/ 1583285 w 3366529"/>
              <a:gd name="connsiteY13" fmla="*/ 3001021 h 3996384"/>
              <a:gd name="connsiteX14" fmla="*/ 1792835 w 3366529"/>
              <a:gd name="connsiteY14" fmla="*/ 3024834 h 3996384"/>
              <a:gd name="connsiteX15" fmla="*/ 1892847 w 3366529"/>
              <a:gd name="connsiteY15" fmla="*/ 3034359 h 3996384"/>
              <a:gd name="connsiteX16" fmla="*/ 1997622 w 3366529"/>
              <a:gd name="connsiteY16" fmla="*/ 3001021 h 3996384"/>
              <a:gd name="connsiteX17" fmla="*/ 2016672 w 3366529"/>
              <a:gd name="connsiteY17" fmla="*/ 3010546 h 3996384"/>
              <a:gd name="connsiteX18" fmla="*/ 2054772 w 3366529"/>
              <a:gd name="connsiteY18" fmla="*/ 3034359 h 3996384"/>
              <a:gd name="connsiteX19" fmla="*/ 2050010 w 3366529"/>
              <a:gd name="connsiteY19" fmla="*/ 3081984 h 3996384"/>
              <a:gd name="connsiteX20" fmla="*/ 2135735 w 3366529"/>
              <a:gd name="connsiteY20" fmla="*/ 3124846 h 3996384"/>
              <a:gd name="connsiteX21" fmla="*/ 2178597 w 3366529"/>
              <a:gd name="connsiteY21" fmla="*/ 3081984 h 3996384"/>
              <a:gd name="connsiteX22" fmla="*/ 2226222 w 3366529"/>
              <a:gd name="connsiteY22" fmla="*/ 3015309 h 3996384"/>
              <a:gd name="connsiteX23" fmla="*/ 2226222 w 3366529"/>
              <a:gd name="connsiteY23" fmla="*/ 2972446 h 3996384"/>
              <a:gd name="connsiteX24" fmla="*/ 2302422 w 3366529"/>
              <a:gd name="connsiteY24" fmla="*/ 2800996 h 3996384"/>
              <a:gd name="connsiteX25" fmla="*/ 2345285 w 3366529"/>
              <a:gd name="connsiteY25" fmla="*/ 2639071 h 3996384"/>
              <a:gd name="connsiteX26" fmla="*/ 2402435 w 3366529"/>
              <a:gd name="connsiteY26" fmla="*/ 2634309 h 3996384"/>
              <a:gd name="connsiteX27" fmla="*/ 2554835 w 3366529"/>
              <a:gd name="connsiteY27" fmla="*/ 2581921 h 3996384"/>
              <a:gd name="connsiteX28" fmla="*/ 2626272 w 3366529"/>
              <a:gd name="connsiteY28" fmla="*/ 2462859 h 3996384"/>
              <a:gd name="connsiteX29" fmla="*/ 2697710 w 3366529"/>
              <a:gd name="connsiteY29" fmla="*/ 2400946 h 3996384"/>
              <a:gd name="connsiteX30" fmla="*/ 2731047 w 3366529"/>
              <a:gd name="connsiteY30" fmla="*/ 2339034 h 3996384"/>
              <a:gd name="connsiteX31" fmla="*/ 2759622 w 3366529"/>
              <a:gd name="connsiteY31" fmla="*/ 2224734 h 3996384"/>
              <a:gd name="connsiteX32" fmla="*/ 2883447 w 3366529"/>
              <a:gd name="connsiteY32" fmla="*/ 2200921 h 3996384"/>
              <a:gd name="connsiteX33" fmla="*/ 2978697 w 3366529"/>
              <a:gd name="connsiteY33" fmla="*/ 2124721 h 3996384"/>
              <a:gd name="connsiteX34" fmla="*/ 3040610 w 3366529"/>
              <a:gd name="connsiteY34" fmla="*/ 2143771 h 3996384"/>
              <a:gd name="connsiteX35" fmla="*/ 3083472 w 3366529"/>
              <a:gd name="connsiteY35" fmla="*/ 2167584 h 3996384"/>
              <a:gd name="connsiteX36" fmla="*/ 3069185 w 3366529"/>
              <a:gd name="connsiteY36" fmla="*/ 2219971 h 3996384"/>
              <a:gd name="connsiteX37" fmla="*/ 3169197 w 3366529"/>
              <a:gd name="connsiteY37" fmla="*/ 2215209 h 3996384"/>
              <a:gd name="connsiteX38" fmla="*/ 3283497 w 3366529"/>
              <a:gd name="connsiteY38" fmla="*/ 2119959 h 3996384"/>
              <a:gd name="connsiteX39" fmla="*/ 3354935 w 3366529"/>
              <a:gd name="connsiteY39" fmla="*/ 2024709 h 3996384"/>
              <a:gd name="connsiteX40" fmla="*/ 3354935 w 3366529"/>
              <a:gd name="connsiteY40" fmla="*/ 1886596 h 3996384"/>
              <a:gd name="connsiteX41" fmla="*/ 3359697 w 3366529"/>
              <a:gd name="connsiteY41" fmla="*/ 1829446 h 3996384"/>
              <a:gd name="connsiteX42" fmla="*/ 3250160 w 3366529"/>
              <a:gd name="connsiteY42" fmla="*/ 1862784 h 3996384"/>
              <a:gd name="connsiteX43" fmla="*/ 3240635 w 3366529"/>
              <a:gd name="connsiteY43" fmla="*/ 1786584 h 3996384"/>
              <a:gd name="connsiteX44" fmla="*/ 3159672 w 3366529"/>
              <a:gd name="connsiteY44" fmla="*/ 1734196 h 3996384"/>
              <a:gd name="connsiteX45" fmla="*/ 3112047 w 3366529"/>
              <a:gd name="connsiteY45" fmla="*/ 1638946 h 3996384"/>
              <a:gd name="connsiteX46" fmla="*/ 3121572 w 3366529"/>
              <a:gd name="connsiteY46" fmla="*/ 1600846 h 3996384"/>
              <a:gd name="connsiteX47" fmla="*/ 3092997 w 3366529"/>
              <a:gd name="connsiteY47" fmla="*/ 1510359 h 3996384"/>
              <a:gd name="connsiteX48" fmla="*/ 3064422 w 3366529"/>
              <a:gd name="connsiteY48" fmla="*/ 1338909 h 3996384"/>
              <a:gd name="connsiteX49" fmla="*/ 3064422 w 3366529"/>
              <a:gd name="connsiteY49" fmla="*/ 1167459 h 3996384"/>
              <a:gd name="connsiteX50" fmla="*/ 3088235 w 3366529"/>
              <a:gd name="connsiteY50" fmla="*/ 1034109 h 3996384"/>
              <a:gd name="connsiteX51" fmla="*/ 3159672 w 3366529"/>
              <a:gd name="connsiteY51" fmla="*/ 867421 h 3996384"/>
              <a:gd name="connsiteX52" fmla="*/ 3250160 w 3366529"/>
              <a:gd name="connsiteY52" fmla="*/ 700734 h 3996384"/>
              <a:gd name="connsiteX53" fmla="*/ 3245397 w 3366529"/>
              <a:gd name="connsiteY53" fmla="*/ 653109 h 3996384"/>
              <a:gd name="connsiteX54" fmla="*/ 3212060 w 3366529"/>
              <a:gd name="connsiteY54" fmla="*/ 567384 h 3996384"/>
              <a:gd name="connsiteX55" fmla="*/ 3193010 w 3366529"/>
              <a:gd name="connsiteY55" fmla="*/ 481659 h 3996384"/>
              <a:gd name="connsiteX56" fmla="*/ 3188247 w 3366529"/>
              <a:gd name="connsiteY56" fmla="*/ 357834 h 3996384"/>
              <a:gd name="connsiteX57" fmla="*/ 3240635 w 3366529"/>
              <a:gd name="connsiteY57" fmla="*/ 276871 h 3996384"/>
              <a:gd name="connsiteX58" fmla="*/ 3207297 w 3366529"/>
              <a:gd name="connsiteY58" fmla="*/ 191146 h 3996384"/>
              <a:gd name="connsiteX59" fmla="*/ 3145385 w 3366529"/>
              <a:gd name="connsiteY59" fmla="*/ 646 h 3996384"/>
              <a:gd name="connsiteX60" fmla="*/ 54522 w 3366529"/>
              <a:gd name="connsiteY60" fmla="*/ 33984 h 3996384"/>
              <a:gd name="connsiteX61" fmla="*/ 6897 w 3366529"/>
              <a:gd name="connsiteY61" fmla="*/ 3996384 h 3996384"/>
              <a:gd name="connsiteX0" fmla="*/ 8057 w 3367689"/>
              <a:gd name="connsiteY0" fmla="*/ 3996413 h 3996413"/>
              <a:gd name="connsiteX1" fmla="*/ 184270 w 3367689"/>
              <a:gd name="connsiteY1" fmla="*/ 3886875 h 3996413"/>
              <a:gd name="connsiteX2" fmla="*/ 279520 w 3367689"/>
              <a:gd name="connsiteY2" fmla="*/ 3782100 h 3996413"/>
              <a:gd name="connsiteX3" fmla="*/ 341432 w 3367689"/>
              <a:gd name="connsiteY3" fmla="*/ 3705900 h 3996413"/>
              <a:gd name="connsiteX4" fmla="*/ 541457 w 3367689"/>
              <a:gd name="connsiteY4" fmla="*/ 3586838 h 3996413"/>
              <a:gd name="connsiteX5" fmla="*/ 689095 w 3367689"/>
              <a:gd name="connsiteY5" fmla="*/ 3510638 h 3996413"/>
              <a:gd name="connsiteX6" fmla="*/ 703382 w 3367689"/>
              <a:gd name="connsiteY6" fmla="*/ 3496350 h 3996413"/>
              <a:gd name="connsiteX7" fmla="*/ 808157 w 3367689"/>
              <a:gd name="connsiteY7" fmla="*/ 3448725 h 3996413"/>
              <a:gd name="connsiteX8" fmla="*/ 889120 w 3367689"/>
              <a:gd name="connsiteY8" fmla="*/ 3372525 h 3996413"/>
              <a:gd name="connsiteX9" fmla="*/ 960557 w 3367689"/>
              <a:gd name="connsiteY9" fmla="*/ 3248700 h 3996413"/>
              <a:gd name="connsiteX10" fmla="*/ 1189157 w 3367689"/>
              <a:gd name="connsiteY10" fmla="*/ 3048675 h 3996413"/>
              <a:gd name="connsiteX11" fmla="*/ 1279645 w 3367689"/>
              <a:gd name="connsiteY11" fmla="*/ 3015338 h 3996413"/>
              <a:gd name="connsiteX12" fmla="*/ 1422520 w 3367689"/>
              <a:gd name="connsiteY12" fmla="*/ 3001050 h 3996413"/>
              <a:gd name="connsiteX13" fmla="*/ 1584445 w 3367689"/>
              <a:gd name="connsiteY13" fmla="*/ 3001050 h 3996413"/>
              <a:gd name="connsiteX14" fmla="*/ 1793995 w 3367689"/>
              <a:gd name="connsiteY14" fmla="*/ 3024863 h 3996413"/>
              <a:gd name="connsiteX15" fmla="*/ 1894007 w 3367689"/>
              <a:gd name="connsiteY15" fmla="*/ 3034388 h 3996413"/>
              <a:gd name="connsiteX16" fmla="*/ 1998782 w 3367689"/>
              <a:gd name="connsiteY16" fmla="*/ 3001050 h 3996413"/>
              <a:gd name="connsiteX17" fmla="*/ 2017832 w 3367689"/>
              <a:gd name="connsiteY17" fmla="*/ 3010575 h 3996413"/>
              <a:gd name="connsiteX18" fmla="*/ 2055932 w 3367689"/>
              <a:gd name="connsiteY18" fmla="*/ 3034388 h 3996413"/>
              <a:gd name="connsiteX19" fmla="*/ 2051170 w 3367689"/>
              <a:gd name="connsiteY19" fmla="*/ 3082013 h 3996413"/>
              <a:gd name="connsiteX20" fmla="*/ 2136895 w 3367689"/>
              <a:gd name="connsiteY20" fmla="*/ 3124875 h 3996413"/>
              <a:gd name="connsiteX21" fmla="*/ 2179757 w 3367689"/>
              <a:gd name="connsiteY21" fmla="*/ 3082013 h 3996413"/>
              <a:gd name="connsiteX22" fmla="*/ 2227382 w 3367689"/>
              <a:gd name="connsiteY22" fmla="*/ 3015338 h 3996413"/>
              <a:gd name="connsiteX23" fmla="*/ 2227382 w 3367689"/>
              <a:gd name="connsiteY23" fmla="*/ 2972475 h 3996413"/>
              <a:gd name="connsiteX24" fmla="*/ 2303582 w 3367689"/>
              <a:gd name="connsiteY24" fmla="*/ 2801025 h 3996413"/>
              <a:gd name="connsiteX25" fmla="*/ 2346445 w 3367689"/>
              <a:gd name="connsiteY25" fmla="*/ 2639100 h 3996413"/>
              <a:gd name="connsiteX26" fmla="*/ 2403595 w 3367689"/>
              <a:gd name="connsiteY26" fmla="*/ 2634338 h 3996413"/>
              <a:gd name="connsiteX27" fmla="*/ 2555995 w 3367689"/>
              <a:gd name="connsiteY27" fmla="*/ 2581950 h 3996413"/>
              <a:gd name="connsiteX28" fmla="*/ 2627432 w 3367689"/>
              <a:gd name="connsiteY28" fmla="*/ 2462888 h 3996413"/>
              <a:gd name="connsiteX29" fmla="*/ 2698870 w 3367689"/>
              <a:gd name="connsiteY29" fmla="*/ 2400975 h 3996413"/>
              <a:gd name="connsiteX30" fmla="*/ 2732207 w 3367689"/>
              <a:gd name="connsiteY30" fmla="*/ 2339063 h 3996413"/>
              <a:gd name="connsiteX31" fmla="*/ 2760782 w 3367689"/>
              <a:gd name="connsiteY31" fmla="*/ 2224763 h 3996413"/>
              <a:gd name="connsiteX32" fmla="*/ 2884607 w 3367689"/>
              <a:gd name="connsiteY32" fmla="*/ 2200950 h 3996413"/>
              <a:gd name="connsiteX33" fmla="*/ 2979857 w 3367689"/>
              <a:gd name="connsiteY33" fmla="*/ 2124750 h 3996413"/>
              <a:gd name="connsiteX34" fmla="*/ 3041770 w 3367689"/>
              <a:gd name="connsiteY34" fmla="*/ 2143800 h 3996413"/>
              <a:gd name="connsiteX35" fmla="*/ 3084632 w 3367689"/>
              <a:gd name="connsiteY35" fmla="*/ 2167613 h 3996413"/>
              <a:gd name="connsiteX36" fmla="*/ 3070345 w 3367689"/>
              <a:gd name="connsiteY36" fmla="*/ 2220000 h 3996413"/>
              <a:gd name="connsiteX37" fmla="*/ 3170357 w 3367689"/>
              <a:gd name="connsiteY37" fmla="*/ 2215238 h 3996413"/>
              <a:gd name="connsiteX38" fmla="*/ 3284657 w 3367689"/>
              <a:gd name="connsiteY38" fmla="*/ 2119988 h 3996413"/>
              <a:gd name="connsiteX39" fmla="*/ 3356095 w 3367689"/>
              <a:gd name="connsiteY39" fmla="*/ 2024738 h 3996413"/>
              <a:gd name="connsiteX40" fmla="*/ 3356095 w 3367689"/>
              <a:gd name="connsiteY40" fmla="*/ 1886625 h 3996413"/>
              <a:gd name="connsiteX41" fmla="*/ 3360857 w 3367689"/>
              <a:gd name="connsiteY41" fmla="*/ 1829475 h 3996413"/>
              <a:gd name="connsiteX42" fmla="*/ 3251320 w 3367689"/>
              <a:gd name="connsiteY42" fmla="*/ 1862813 h 3996413"/>
              <a:gd name="connsiteX43" fmla="*/ 3241795 w 3367689"/>
              <a:gd name="connsiteY43" fmla="*/ 1786613 h 3996413"/>
              <a:gd name="connsiteX44" fmla="*/ 3160832 w 3367689"/>
              <a:gd name="connsiteY44" fmla="*/ 1734225 h 3996413"/>
              <a:gd name="connsiteX45" fmla="*/ 3113207 w 3367689"/>
              <a:gd name="connsiteY45" fmla="*/ 1638975 h 3996413"/>
              <a:gd name="connsiteX46" fmla="*/ 3122732 w 3367689"/>
              <a:gd name="connsiteY46" fmla="*/ 1600875 h 3996413"/>
              <a:gd name="connsiteX47" fmla="*/ 3094157 w 3367689"/>
              <a:gd name="connsiteY47" fmla="*/ 1510388 h 3996413"/>
              <a:gd name="connsiteX48" fmla="*/ 3065582 w 3367689"/>
              <a:gd name="connsiteY48" fmla="*/ 1338938 h 3996413"/>
              <a:gd name="connsiteX49" fmla="*/ 3065582 w 3367689"/>
              <a:gd name="connsiteY49" fmla="*/ 1167488 h 3996413"/>
              <a:gd name="connsiteX50" fmla="*/ 3089395 w 3367689"/>
              <a:gd name="connsiteY50" fmla="*/ 1034138 h 3996413"/>
              <a:gd name="connsiteX51" fmla="*/ 3160832 w 3367689"/>
              <a:gd name="connsiteY51" fmla="*/ 867450 h 3996413"/>
              <a:gd name="connsiteX52" fmla="*/ 3251320 w 3367689"/>
              <a:gd name="connsiteY52" fmla="*/ 700763 h 3996413"/>
              <a:gd name="connsiteX53" fmla="*/ 3246557 w 3367689"/>
              <a:gd name="connsiteY53" fmla="*/ 653138 h 3996413"/>
              <a:gd name="connsiteX54" fmla="*/ 3213220 w 3367689"/>
              <a:gd name="connsiteY54" fmla="*/ 567413 h 3996413"/>
              <a:gd name="connsiteX55" fmla="*/ 3194170 w 3367689"/>
              <a:gd name="connsiteY55" fmla="*/ 481688 h 3996413"/>
              <a:gd name="connsiteX56" fmla="*/ 3189407 w 3367689"/>
              <a:gd name="connsiteY56" fmla="*/ 357863 h 3996413"/>
              <a:gd name="connsiteX57" fmla="*/ 3241795 w 3367689"/>
              <a:gd name="connsiteY57" fmla="*/ 276900 h 3996413"/>
              <a:gd name="connsiteX58" fmla="*/ 3208457 w 3367689"/>
              <a:gd name="connsiteY58" fmla="*/ 191175 h 3996413"/>
              <a:gd name="connsiteX59" fmla="*/ 3146545 w 3367689"/>
              <a:gd name="connsiteY59" fmla="*/ 675 h 3996413"/>
              <a:gd name="connsiteX60" fmla="*/ 41394 w 3367689"/>
              <a:gd name="connsiteY60" fmla="*/ 29250 h 3996413"/>
              <a:gd name="connsiteX61" fmla="*/ 8057 w 3367689"/>
              <a:gd name="connsiteY61" fmla="*/ 3996413 h 3996413"/>
              <a:gd name="connsiteX0" fmla="*/ 8057 w 3367689"/>
              <a:gd name="connsiteY0" fmla="*/ 3995738 h 3995738"/>
              <a:gd name="connsiteX1" fmla="*/ 184270 w 3367689"/>
              <a:gd name="connsiteY1" fmla="*/ 3886200 h 3995738"/>
              <a:gd name="connsiteX2" fmla="*/ 279520 w 3367689"/>
              <a:gd name="connsiteY2" fmla="*/ 3781425 h 3995738"/>
              <a:gd name="connsiteX3" fmla="*/ 341432 w 3367689"/>
              <a:gd name="connsiteY3" fmla="*/ 3705225 h 3995738"/>
              <a:gd name="connsiteX4" fmla="*/ 541457 w 3367689"/>
              <a:gd name="connsiteY4" fmla="*/ 3586163 h 3995738"/>
              <a:gd name="connsiteX5" fmla="*/ 689095 w 3367689"/>
              <a:gd name="connsiteY5" fmla="*/ 3509963 h 3995738"/>
              <a:gd name="connsiteX6" fmla="*/ 703382 w 3367689"/>
              <a:gd name="connsiteY6" fmla="*/ 3495675 h 3995738"/>
              <a:gd name="connsiteX7" fmla="*/ 808157 w 3367689"/>
              <a:gd name="connsiteY7" fmla="*/ 3448050 h 3995738"/>
              <a:gd name="connsiteX8" fmla="*/ 889120 w 3367689"/>
              <a:gd name="connsiteY8" fmla="*/ 3371850 h 3995738"/>
              <a:gd name="connsiteX9" fmla="*/ 960557 w 3367689"/>
              <a:gd name="connsiteY9" fmla="*/ 3248025 h 3995738"/>
              <a:gd name="connsiteX10" fmla="*/ 1189157 w 3367689"/>
              <a:gd name="connsiteY10" fmla="*/ 3048000 h 3995738"/>
              <a:gd name="connsiteX11" fmla="*/ 1279645 w 3367689"/>
              <a:gd name="connsiteY11" fmla="*/ 3014663 h 3995738"/>
              <a:gd name="connsiteX12" fmla="*/ 1422520 w 3367689"/>
              <a:gd name="connsiteY12" fmla="*/ 3000375 h 3995738"/>
              <a:gd name="connsiteX13" fmla="*/ 1584445 w 3367689"/>
              <a:gd name="connsiteY13" fmla="*/ 3000375 h 3995738"/>
              <a:gd name="connsiteX14" fmla="*/ 1793995 w 3367689"/>
              <a:gd name="connsiteY14" fmla="*/ 3024188 h 3995738"/>
              <a:gd name="connsiteX15" fmla="*/ 1894007 w 3367689"/>
              <a:gd name="connsiteY15" fmla="*/ 3033713 h 3995738"/>
              <a:gd name="connsiteX16" fmla="*/ 1998782 w 3367689"/>
              <a:gd name="connsiteY16" fmla="*/ 3000375 h 3995738"/>
              <a:gd name="connsiteX17" fmla="*/ 2017832 w 3367689"/>
              <a:gd name="connsiteY17" fmla="*/ 3009900 h 3995738"/>
              <a:gd name="connsiteX18" fmla="*/ 2055932 w 3367689"/>
              <a:gd name="connsiteY18" fmla="*/ 3033713 h 3995738"/>
              <a:gd name="connsiteX19" fmla="*/ 2051170 w 3367689"/>
              <a:gd name="connsiteY19" fmla="*/ 3081338 h 3995738"/>
              <a:gd name="connsiteX20" fmla="*/ 2136895 w 3367689"/>
              <a:gd name="connsiteY20" fmla="*/ 3124200 h 3995738"/>
              <a:gd name="connsiteX21" fmla="*/ 2179757 w 3367689"/>
              <a:gd name="connsiteY21" fmla="*/ 3081338 h 3995738"/>
              <a:gd name="connsiteX22" fmla="*/ 2227382 w 3367689"/>
              <a:gd name="connsiteY22" fmla="*/ 3014663 h 3995738"/>
              <a:gd name="connsiteX23" fmla="*/ 2227382 w 3367689"/>
              <a:gd name="connsiteY23" fmla="*/ 2971800 h 3995738"/>
              <a:gd name="connsiteX24" fmla="*/ 2303582 w 3367689"/>
              <a:gd name="connsiteY24" fmla="*/ 2800350 h 3995738"/>
              <a:gd name="connsiteX25" fmla="*/ 2346445 w 3367689"/>
              <a:gd name="connsiteY25" fmla="*/ 2638425 h 3995738"/>
              <a:gd name="connsiteX26" fmla="*/ 2403595 w 3367689"/>
              <a:gd name="connsiteY26" fmla="*/ 2633663 h 3995738"/>
              <a:gd name="connsiteX27" fmla="*/ 2555995 w 3367689"/>
              <a:gd name="connsiteY27" fmla="*/ 2581275 h 3995738"/>
              <a:gd name="connsiteX28" fmla="*/ 2627432 w 3367689"/>
              <a:gd name="connsiteY28" fmla="*/ 2462213 h 3995738"/>
              <a:gd name="connsiteX29" fmla="*/ 2698870 w 3367689"/>
              <a:gd name="connsiteY29" fmla="*/ 2400300 h 3995738"/>
              <a:gd name="connsiteX30" fmla="*/ 2732207 w 3367689"/>
              <a:gd name="connsiteY30" fmla="*/ 2338388 h 3995738"/>
              <a:gd name="connsiteX31" fmla="*/ 2760782 w 3367689"/>
              <a:gd name="connsiteY31" fmla="*/ 2224088 h 3995738"/>
              <a:gd name="connsiteX32" fmla="*/ 2884607 w 3367689"/>
              <a:gd name="connsiteY32" fmla="*/ 2200275 h 3995738"/>
              <a:gd name="connsiteX33" fmla="*/ 2979857 w 3367689"/>
              <a:gd name="connsiteY33" fmla="*/ 2124075 h 3995738"/>
              <a:gd name="connsiteX34" fmla="*/ 3041770 w 3367689"/>
              <a:gd name="connsiteY34" fmla="*/ 2143125 h 3995738"/>
              <a:gd name="connsiteX35" fmla="*/ 3084632 w 3367689"/>
              <a:gd name="connsiteY35" fmla="*/ 2166938 h 3995738"/>
              <a:gd name="connsiteX36" fmla="*/ 3070345 w 3367689"/>
              <a:gd name="connsiteY36" fmla="*/ 2219325 h 3995738"/>
              <a:gd name="connsiteX37" fmla="*/ 3170357 w 3367689"/>
              <a:gd name="connsiteY37" fmla="*/ 2214563 h 3995738"/>
              <a:gd name="connsiteX38" fmla="*/ 3284657 w 3367689"/>
              <a:gd name="connsiteY38" fmla="*/ 2119313 h 3995738"/>
              <a:gd name="connsiteX39" fmla="*/ 3356095 w 3367689"/>
              <a:gd name="connsiteY39" fmla="*/ 2024063 h 3995738"/>
              <a:gd name="connsiteX40" fmla="*/ 3356095 w 3367689"/>
              <a:gd name="connsiteY40" fmla="*/ 1885950 h 3995738"/>
              <a:gd name="connsiteX41" fmla="*/ 3360857 w 3367689"/>
              <a:gd name="connsiteY41" fmla="*/ 1828800 h 3995738"/>
              <a:gd name="connsiteX42" fmla="*/ 3251320 w 3367689"/>
              <a:gd name="connsiteY42" fmla="*/ 1862138 h 3995738"/>
              <a:gd name="connsiteX43" fmla="*/ 3241795 w 3367689"/>
              <a:gd name="connsiteY43" fmla="*/ 1785938 h 3995738"/>
              <a:gd name="connsiteX44" fmla="*/ 3160832 w 3367689"/>
              <a:gd name="connsiteY44" fmla="*/ 1733550 h 3995738"/>
              <a:gd name="connsiteX45" fmla="*/ 3113207 w 3367689"/>
              <a:gd name="connsiteY45" fmla="*/ 1638300 h 3995738"/>
              <a:gd name="connsiteX46" fmla="*/ 3122732 w 3367689"/>
              <a:gd name="connsiteY46" fmla="*/ 1600200 h 3995738"/>
              <a:gd name="connsiteX47" fmla="*/ 3094157 w 3367689"/>
              <a:gd name="connsiteY47" fmla="*/ 1509713 h 3995738"/>
              <a:gd name="connsiteX48" fmla="*/ 3065582 w 3367689"/>
              <a:gd name="connsiteY48" fmla="*/ 1338263 h 3995738"/>
              <a:gd name="connsiteX49" fmla="*/ 3065582 w 3367689"/>
              <a:gd name="connsiteY49" fmla="*/ 1166813 h 3995738"/>
              <a:gd name="connsiteX50" fmla="*/ 3089395 w 3367689"/>
              <a:gd name="connsiteY50" fmla="*/ 1033463 h 3995738"/>
              <a:gd name="connsiteX51" fmla="*/ 3160832 w 3367689"/>
              <a:gd name="connsiteY51" fmla="*/ 866775 h 3995738"/>
              <a:gd name="connsiteX52" fmla="*/ 3251320 w 3367689"/>
              <a:gd name="connsiteY52" fmla="*/ 700088 h 3995738"/>
              <a:gd name="connsiteX53" fmla="*/ 3246557 w 3367689"/>
              <a:gd name="connsiteY53" fmla="*/ 652463 h 3995738"/>
              <a:gd name="connsiteX54" fmla="*/ 3213220 w 3367689"/>
              <a:gd name="connsiteY54" fmla="*/ 566738 h 3995738"/>
              <a:gd name="connsiteX55" fmla="*/ 3194170 w 3367689"/>
              <a:gd name="connsiteY55" fmla="*/ 481013 h 3995738"/>
              <a:gd name="connsiteX56" fmla="*/ 3189407 w 3367689"/>
              <a:gd name="connsiteY56" fmla="*/ 357188 h 3995738"/>
              <a:gd name="connsiteX57" fmla="*/ 3241795 w 3367689"/>
              <a:gd name="connsiteY57" fmla="*/ 276225 h 3995738"/>
              <a:gd name="connsiteX58" fmla="*/ 3208457 w 3367689"/>
              <a:gd name="connsiteY58" fmla="*/ 190500 h 3995738"/>
              <a:gd name="connsiteX59" fmla="*/ 3146545 w 3367689"/>
              <a:gd name="connsiteY59" fmla="*/ 0 h 3995738"/>
              <a:gd name="connsiteX60" fmla="*/ 41394 w 3367689"/>
              <a:gd name="connsiteY60" fmla="*/ 28575 h 3995738"/>
              <a:gd name="connsiteX61" fmla="*/ 8057 w 3367689"/>
              <a:gd name="connsiteY61" fmla="*/ 3995738 h 3995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</a:cxnLst>
            <a:rect l="l" t="t" r="r" b="b"/>
            <a:pathLst>
              <a:path w="3367689" h="3995738">
                <a:moveTo>
                  <a:pt x="8057" y="3995738"/>
                </a:moveTo>
                <a:cubicBezTo>
                  <a:pt x="138233" y="3921125"/>
                  <a:pt x="139026" y="3921919"/>
                  <a:pt x="184270" y="3886200"/>
                </a:cubicBezTo>
                <a:cubicBezTo>
                  <a:pt x="229514" y="3850481"/>
                  <a:pt x="253326" y="3811587"/>
                  <a:pt x="279520" y="3781425"/>
                </a:cubicBezTo>
                <a:cubicBezTo>
                  <a:pt x="305714" y="3751263"/>
                  <a:pt x="297776" y="3737769"/>
                  <a:pt x="341432" y="3705225"/>
                </a:cubicBezTo>
                <a:cubicBezTo>
                  <a:pt x="385088" y="3672681"/>
                  <a:pt x="483513" y="3618707"/>
                  <a:pt x="541457" y="3586163"/>
                </a:cubicBezTo>
                <a:cubicBezTo>
                  <a:pt x="599401" y="3553619"/>
                  <a:pt x="689095" y="3509963"/>
                  <a:pt x="689095" y="3509963"/>
                </a:cubicBezTo>
                <a:cubicBezTo>
                  <a:pt x="716082" y="3494882"/>
                  <a:pt x="683538" y="3505994"/>
                  <a:pt x="703382" y="3495675"/>
                </a:cubicBezTo>
                <a:cubicBezTo>
                  <a:pt x="723226" y="3485356"/>
                  <a:pt x="777201" y="3468687"/>
                  <a:pt x="808157" y="3448050"/>
                </a:cubicBezTo>
                <a:cubicBezTo>
                  <a:pt x="839113" y="3427413"/>
                  <a:pt x="863720" y="3405187"/>
                  <a:pt x="889120" y="3371850"/>
                </a:cubicBezTo>
                <a:cubicBezTo>
                  <a:pt x="914520" y="3338513"/>
                  <a:pt x="910551" y="3302000"/>
                  <a:pt x="960557" y="3248025"/>
                </a:cubicBezTo>
                <a:cubicBezTo>
                  <a:pt x="1010563" y="3194050"/>
                  <a:pt x="1135976" y="3086894"/>
                  <a:pt x="1189157" y="3048000"/>
                </a:cubicBezTo>
                <a:cubicBezTo>
                  <a:pt x="1242338" y="3009106"/>
                  <a:pt x="1240751" y="3022600"/>
                  <a:pt x="1279645" y="3014663"/>
                </a:cubicBezTo>
                <a:cubicBezTo>
                  <a:pt x="1318539" y="3006726"/>
                  <a:pt x="1371720" y="3002756"/>
                  <a:pt x="1422520" y="3000375"/>
                </a:cubicBezTo>
                <a:cubicBezTo>
                  <a:pt x="1473320" y="2997994"/>
                  <a:pt x="1522533" y="2996406"/>
                  <a:pt x="1584445" y="3000375"/>
                </a:cubicBezTo>
                <a:cubicBezTo>
                  <a:pt x="1646357" y="3004344"/>
                  <a:pt x="1742401" y="3018632"/>
                  <a:pt x="1793995" y="3024188"/>
                </a:cubicBezTo>
                <a:cubicBezTo>
                  <a:pt x="1845589" y="3029744"/>
                  <a:pt x="1859876" y="3037682"/>
                  <a:pt x="1894007" y="3033713"/>
                </a:cubicBezTo>
                <a:cubicBezTo>
                  <a:pt x="1928138" y="3029744"/>
                  <a:pt x="1978144" y="3004344"/>
                  <a:pt x="1998782" y="3000375"/>
                </a:cubicBezTo>
                <a:cubicBezTo>
                  <a:pt x="2019420" y="2996406"/>
                  <a:pt x="2008307" y="3004344"/>
                  <a:pt x="2017832" y="3009900"/>
                </a:cubicBezTo>
                <a:cubicBezTo>
                  <a:pt x="2027357" y="3015456"/>
                  <a:pt x="2050376" y="3021807"/>
                  <a:pt x="2055932" y="3033713"/>
                </a:cubicBezTo>
                <a:cubicBezTo>
                  <a:pt x="2061488" y="3045619"/>
                  <a:pt x="2037676" y="3066257"/>
                  <a:pt x="2051170" y="3081338"/>
                </a:cubicBezTo>
                <a:cubicBezTo>
                  <a:pt x="2064664" y="3096419"/>
                  <a:pt x="2115464" y="3124200"/>
                  <a:pt x="2136895" y="3124200"/>
                </a:cubicBezTo>
                <a:cubicBezTo>
                  <a:pt x="2158326" y="3124200"/>
                  <a:pt x="2164676" y="3099594"/>
                  <a:pt x="2179757" y="3081338"/>
                </a:cubicBezTo>
                <a:cubicBezTo>
                  <a:pt x="2194838" y="3063082"/>
                  <a:pt x="2219445" y="3032919"/>
                  <a:pt x="2227382" y="3014663"/>
                </a:cubicBezTo>
                <a:cubicBezTo>
                  <a:pt x="2235319" y="2996407"/>
                  <a:pt x="2214682" y="3007519"/>
                  <a:pt x="2227382" y="2971800"/>
                </a:cubicBezTo>
                <a:cubicBezTo>
                  <a:pt x="2240082" y="2936081"/>
                  <a:pt x="2283738" y="2855912"/>
                  <a:pt x="2303582" y="2800350"/>
                </a:cubicBezTo>
                <a:cubicBezTo>
                  <a:pt x="2323426" y="2744788"/>
                  <a:pt x="2329776" y="2666206"/>
                  <a:pt x="2346445" y="2638425"/>
                </a:cubicBezTo>
                <a:cubicBezTo>
                  <a:pt x="2363114" y="2610644"/>
                  <a:pt x="2368670" y="2643188"/>
                  <a:pt x="2403595" y="2633663"/>
                </a:cubicBezTo>
                <a:cubicBezTo>
                  <a:pt x="2438520" y="2624138"/>
                  <a:pt x="2518689" y="2609850"/>
                  <a:pt x="2555995" y="2581275"/>
                </a:cubicBezTo>
                <a:cubicBezTo>
                  <a:pt x="2593301" y="2552700"/>
                  <a:pt x="2603620" y="2492375"/>
                  <a:pt x="2627432" y="2462213"/>
                </a:cubicBezTo>
                <a:cubicBezTo>
                  <a:pt x="2651244" y="2432051"/>
                  <a:pt x="2681408" y="2420937"/>
                  <a:pt x="2698870" y="2400300"/>
                </a:cubicBezTo>
                <a:cubicBezTo>
                  <a:pt x="2716332" y="2379663"/>
                  <a:pt x="2721888" y="2367757"/>
                  <a:pt x="2732207" y="2338388"/>
                </a:cubicBezTo>
                <a:cubicBezTo>
                  <a:pt x="2742526" y="2309019"/>
                  <a:pt x="2735382" y="2247107"/>
                  <a:pt x="2760782" y="2224088"/>
                </a:cubicBezTo>
                <a:cubicBezTo>
                  <a:pt x="2786182" y="2201069"/>
                  <a:pt x="2848095" y="2216944"/>
                  <a:pt x="2884607" y="2200275"/>
                </a:cubicBezTo>
                <a:cubicBezTo>
                  <a:pt x="2921119" y="2183606"/>
                  <a:pt x="2953663" y="2133600"/>
                  <a:pt x="2979857" y="2124075"/>
                </a:cubicBezTo>
                <a:cubicBezTo>
                  <a:pt x="3006051" y="2114550"/>
                  <a:pt x="3024308" y="2135981"/>
                  <a:pt x="3041770" y="2143125"/>
                </a:cubicBezTo>
                <a:cubicBezTo>
                  <a:pt x="3059232" y="2150269"/>
                  <a:pt x="3079869" y="2154238"/>
                  <a:pt x="3084632" y="2166938"/>
                </a:cubicBezTo>
                <a:cubicBezTo>
                  <a:pt x="3089395" y="2179638"/>
                  <a:pt x="3056058" y="2211388"/>
                  <a:pt x="3070345" y="2219325"/>
                </a:cubicBezTo>
                <a:cubicBezTo>
                  <a:pt x="3084632" y="2227262"/>
                  <a:pt x="3134638" y="2231232"/>
                  <a:pt x="3170357" y="2214563"/>
                </a:cubicBezTo>
                <a:cubicBezTo>
                  <a:pt x="3206076" y="2197894"/>
                  <a:pt x="3253701" y="2151063"/>
                  <a:pt x="3284657" y="2119313"/>
                </a:cubicBezTo>
                <a:cubicBezTo>
                  <a:pt x="3315613" y="2087563"/>
                  <a:pt x="3344189" y="2062957"/>
                  <a:pt x="3356095" y="2024063"/>
                </a:cubicBezTo>
                <a:cubicBezTo>
                  <a:pt x="3368001" y="1985169"/>
                  <a:pt x="3355301" y="1918494"/>
                  <a:pt x="3356095" y="1885950"/>
                </a:cubicBezTo>
                <a:cubicBezTo>
                  <a:pt x="3356889" y="1853406"/>
                  <a:pt x="3378320" y="1832769"/>
                  <a:pt x="3360857" y="1828800"/>
                </a:cubicBezTo>
                <a:cubicBezTo>
                  <a:pt x="3343394" y="1824831"/>
                  <a:pt x="3271164" y="1869282"/>
                  <a:pt x="3251320" y="1862138"/>
                </a:cubicBezTo>
                <a:cubicBezTo>
                  <a:pt x="3231476" y="1854994"/>
                  <a:pt x="3256876" y="1807369"/>
                  <a:pt x="3241795" y="1785938"/>
                </a:cubicBezTo>
                <a:cubicBezTo>
                  <a:pt x="3226714" y="1764507"/>
                  <a:pt x="3182263" y="1758156"/>
                  <a:pt x="3160832" y="1733550"/>
                </a:cubicBezTo>
                <a:cubicBezTo>
                  <a:pt x="3139401" y="1708944"/>
                  <a:pt x="3119557" y="1660525"/>
                  <a:pt x="3113207" y="1638300"/>
                </a:cubicBezTo>
                <a:cubicBezTo>
                  <a:pt x="3106857" y="1616075"/>
                  <a:pt x="3125907" y="1621631"/>
                  <a:pt x="3122732" y="1600200"/>
                </a:cubicBezTo>
                <a:cubicBezTo>
                  <a:pt x="3119557" y="1578769"/>
                  <a:pt x="3103682" y="1553369"/>
                  <a:pt x="3094157" y="1509713"/>
                </a:cubicBezTo>
                <a:cubicBezTo>
                  <a:pt x="3084632" y="1466057"/>
                  <a:pt x="3070345" y="1395413"/>
                  <a:pt x="3065582" y="1338263"/>
                </a:cubicBezTo>
                <a:cubicBezTo>
                  <a:pt x="3060820" y="1281113"/>
                  <a:pt x="3061613" y="1217613"/>
                  <a:pt x="3065582" y="1166813"/>
                </a:cubicBezTo>
                <a:cubicBezTo>
                  <a:pt x="3069551" y="1116013"/>
                  <a:pt x="3073520" y="1083469"/>
                  <a:pt x="3089395" y="1033463"/>
                </a:cubicBezTo>
                <a:cubicBezTo>
                  <a:pt x="3105270" y="983457"/>
                  <a:pt x="3133845" y="922337"/>
                  <a:pt x="3160832" y="866775"/>
                </a:cubicBezTo>
                <a:cubicBezTo>
                  <a:pt x="3187819" y="811213"/>
                  <a:pt x="3237033" y="735807"/>
                  <a:pt x="3251320" y="700088"/>
                </a:cubicBezTo>
                <a:cubicBezTo>
                  <a:pt x="3265607" y="664369"/>
                  <a:pt x="3252907" y="674688"/>
                  <a:pt x="3246557" y="652463"/>
                </a:cubicBezTo>
                <a:cubicBezTo>
                  <a:pt x="3240207" y="630238"/>
                  <a:pt x="3221951" y="595313"/>
                  <a:pt x="3213220" y="566738"/>
                </a:cubicBezTo>
                <a:cubicBezTo>
                  <a:pt x="3204489" y="538163"/>
                  <a:pt x="3198139" y="515938"/>
                  <a:pt x="3194170" y="481013"/>
                </a:cubicBezTo>
                <a:cubicBezTo>
                  <a:pt x="3190201" y="446088"/>
                  <a:pt x="3181469" y="391319"/>
                  <a:pt x="3189407" y="357188"/>
                </a:cubicBezTo>
                <a:cubicBezTo>
                  <a:pt x="3197345" y="323057"/>
                  <a:pt x="3238620" y="304006"/>
                  <a:pt x="3241795" y="276225"/>
                </a:cubicBezTo>
                <a:cubicBezTo>
                  <a:pt x="3244970" y="248444"/>
                  <a:pt x="3224332" y="236537"/>
                  <a:pt x="3208457" y="190500"/>
                </a:cubicBezTo>
                <a:cubicBezTo>
                  <a:pt x="3192582" y="144462"/>
                  <a:pt x="3190201" y="133350"/>
                  <a:pt x="3146545" y="0"/>
                </a:cubicBezTo>
                <a:lnTo>
                  <a:pt x="41394" y="28575"/>
                </a:lnTo>
                <a:cubicBezTo>
                  <a:pt x="42187" y="728662"/>
                  <a:pt x="-22106" y="3346451"/>
                  <a:pt x="8057" y="3995738"/>
                </a:cubicBezTo>
                <a:close/>
              </a:path>
            </a:pathLst>
          </a:custGeom>
          <a:solidFill>
            <a:schemeClr val="accent1">
              <a:lumMod val="60000"/>
              <a:lumOff val="40000"/>
              <a:alpha val="20000"/>
            </a:schemeClr>
          </a:solidFill>
          <a:ln w="9525" cap="flat" cmpd="sng" algn="ctr">
            <a:solidFill>
              <a:schemeClr val="accent1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Freeform 9"/>
          <p:cNvSpPr/>
          <p:nvPr/>
        </p:nvSpPr>
        <p:spPr bwMode="auto">
          <a:xfrm>
            <a:off x="10031259" y="3269538"/>
            <a:ext cx="126327" cy="229621"/>
          </a:xfrm>
          <a:custGeom>
            <a:avLst/>
            <a:gdLst>
              <a:gd name="connsiteX0" fmla="*/ 17039 w 130923"/>
              <a:gd name="connsiteY0" fmla="*/ 223685 h 245728"/>
              <a:gd name="connsiteX1" fmla="*/ 8118 w 130923"/>
              <a:gd name="connsiteY1" fmla="*/ 40805 h 245728"/>
              <a:gd name="connsiteX2" fmla="*/ 92867 w 130923"/>
              <a:gd name="connsiteY2" fmla="*/ 14043 h 245728"/>
              <a:gd name="connsiteX3" fmla="*/ 128551 w 130923"/>
              <a:gd name="connsiteY3" fmla="*/ 219225 h 245728"/>
              <a:gd name="connsiteX4" fmla="*/ 17039 w 130923"/>
              <a:gd name="connsiteY4" fmla="*/ 223685 h 245728"/>
              <a:gd name="connsiteX0" fmla="*/ 17039 w 130923"/>
              <a:gd name="connsiteY0" fmla="*/ 223685 h 245728"/>
              <a:gd name="connsiteX1" fmla="*/ 8118 w 130923"/>
              <a:gd name="connsiteY1" fmla="*/ 40805 h 245728"/>
              <a:gd name="connsiteX2" fmla="*/ 92867 w 130923"/>
              <a:gd name="connsiteY2" fmla="*/ 14043 h 245728"/>
              <a:gd name="connsiteX3" fmla="*/ 128551 w 130923"/>
              <a:gd name="connsiteY3" fmla="*/ 219225 h 245728"/>
              <a:gd name="connsiteX4" fmla="*/ 17039 w 130923"/>
              <a:gd name="connsiteY4" fmla="*/ 223685 h 245728"/>
              <a:gd name="connsiteX0" fmla="*/ 17039 w 130923"/>
              <a:gd name="connsiteY0" fmla="*/ 209642 h 231685"/>
              <a:gd name="connsiteX1" fmla="*/ 8118 w 130923"/>
              <a:gd name="connsiteY1" fmla="*/ 26762 h 231685"/>
              <a:gd name="connsiteX2" fmla="*/ 92867 w 130923"/>
              <a:gd name="connsiteY2" fmla="*/ 0 h 231685"/>
              <a:gd name="connsiteX3" fmla="*/ 128551 w 130923"/>
              <a:gd name="connsiteY3" fmla="*/ 205182 h 231685"/>
              <a:gd name="connsiteX4" fmla="*/ 17039 w 130923"/>
              <a:gd name="connsiteY4" fmla="*/ 209642 h 231685"/>
              <a:gd name="connsiteX0" fmla="*/ 17039 w 134067"/>
              <a:gd name="connsiteY0" fmla="*/ 209642 h 231685"/>
              <a:gd name="connsiteX1" fmla="*/ 8118 w 134067"/>
              <a:gd name="connsiteY1" fmla="*/ 26762 h 231685"/>
              <a:gd name="connsiteX2" fmla="*/ 92867 w 134067"/>
              <a:gd name="connsiteY2" fmla="*/ 0 h 231685"/>
              <a:gd name="connsiteX3" fmla="*/ 128551 w 134067"/>
              <a:gd name="connsiteY3" fmla="*/ 205182 h 231685"/>
              <a:gd name="connsiteX4" fmla="*/ 17039 w 134067"/>
              <a:gd name="connsiteY4" fmla="*/ 209642 h 231685"/>
              <a:gd name="connsiteX0" fmla="*/ 9299 w 126327"/>
              <a:gd name="connsiteY0" fmla="*/ 209642 h 229621"/>
              <a:gd name="connsiteX1" fmla="*/ 14950 w 126327"/>
              <a:gd name="connsiteY1" fmla="*/ 59549 h 229621"/>
              <a:gd name="connsiteX2" fmla="*/ 85127 w 126327"/>
              <a:gd name="connsiteY2" fmla="*/ 0 h 229621"/>
              <a:gd name="connsiteX3" fmla="*/ 120811 w 126327"/>
              <a:gd name="connsiteY3" fmla="*/ 205182 h 229621"/>
              <a:gd name="connsiteX4" fmla="*/ 9299 w 126327"/>
              <a:gd name="connsiteY4" fmla="*/ 209642 h 22962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26327" h="229621">
                <a:moveTo>
                  <a:pt x="9299" y="209642"/>
                </a:moveTo>
                <a:cubicBezTo>
                  <a:pt x="-8344" y="185370"/>
                  <a:pt x="2312" y="94489"/>
                  <a:pt x="14950" y="59549"/>
                </a:cubicBezTo>
                <a:cubicBezTo>
                  <a:pt x="27588" y="24609"/>
                  <a:pt x="39554" y="43123"/>
                  <a:pt x="85127" y="0"/>
                </a:cubicBezTo>
                <a:cubicBezTo>
                  <a:pt x="130700" y="139028"/>
                  <a:pt x="131219" y="170242"/>
                  <a:pt x="120811" y="205182"/>
                </a:cubicBezTo>
                <a:cubicBezTo>
                  <a:pt x="110403" y="240122"/>
                  <a:pt x="26942" y="233914"/>
                  <a:pt x="9299" y="209642"/>
                </a:cubicBezTo>
                <a:close/>
              </a:path>
            </a:pathLst>
          </a:cu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Freeform 11"/>
          <p:cNvSpPr/>
          <p:nvPr/>
        </p:nvSpPr>
        <p:spPr bwMode="auto">
          <a:xfrm>
            <a:off x="8599385" y="5111169"/>
            <a:ext cx="322390" cy="198014"/>
          </a:xfrm>
          <a:custGeom>
            <a:avLst/>
            <a:gdLst>
              <a:gd name="connsiteX0" fmla="*/ 16656 w 326647"/>
              <a:gd name="connsiteY0" fmla="*/ 5458 h 180754"/>
              <a:gd name="connsiteX1" fmla="*/ 326313 w 326647"/>
              <a:gd name="connsiteY1" fmla="*/ 56461 h 180754"/>
              <a:gd name="connsiteX2" fmla="*/ 74944 w 326647"/>
              <a:gd name="connsiteY2" fmla="*/ 180323 h 180754"/>
              <a:gd name="connsiteX3" fmla="*/ 16656 w 326647"/>
              <a:gd name="connsiteY3" fmla="*/ 5458 h 180754"/>
              <a:gd name="connsiteX0" fmla="*/ 16656 w 326647"/>
              <a:gd name="connsiteY0" fmla="*/ 5458 h 180754"/>
              <a:gd name="connsiteX1" fmla="*/ 326313 w 326647"/>
              <a:gd name="connsiteY1" fmla="*/ 56461 h 180754"/>
              <a:gd name="connsiteX2" fmla="*/ 74944 w 326647"/>
              <a:gd name="connsiteY2" fmla="*/ 180323 h 180754"/>
              <a:gd name="connsiteX3" fmla="*/ 16656 w 326647"/>
              <a:gd name="connsiteY3" fmla="*/ 5458 h 180754"/>
              <a:gd name="connsiteX0" fmla="*/ 17309 w 341847"/>
              <a:gd name="connsiteY0" fmla="*/ 2952 h 178995"/>
              <a:gd name="connsiteX1" fmla="*/ 341538 w 341847"/>
              <a:gd name="connsiteY1" fmla="*/ 75814 h 178995"/>
              <a:gd name="connsiteX2" fmla="*/ 75597 w 341847"/>
              <a:gd name="connsiteY2" fmla="*/ 177817 h 178995"/>
              <a:gd name="connsiteX3" fmla="*/ 17309 w 341847"/>
              <a:gd name="connsiteY3" fmla="*/ 2952 h 178995"/>
              <a:gd name="connsiteX0" fmla="*/ 17309 w 341847"/>
              <a:gd name="connsiteY0" fmla="*/ 3251 h 179294"/>
              <a:gd name="connsiteX1" fmla="*/ 341538 w 341847"/>
              <a:gd name="connsiteY1" fmla="*/ 76113 h 179294"/>
              <a:gd name="connsiteX2" fmla="*/ 75597 w 341847"/>
              <a:gd name="connsiteY2" fmla="*/ 178116 h 179294"/>
              <a:gd name="connsiteX3" fmla="*/ 17309 w 341847"/>
              <a:gd name="connsiteY3" fmla="*/ 3251 h 179294"/>
              <a:gd name="connsiteX0" fmla="*/ 17309 w 341538"/>
              <a:gd name="connsiteY0" fmla="*/ 3251 h 183191"/>
              <a:gd name="connsiteX1" fmla="*/ 341538 w 341538"/>
              <a:gd name="connsiteY1" fmla="*/ 76113 h 183191"/>
              <a:gd name="connsiteX2" fmla="*/ 75597 w 341538"/>
              <a:gd name="connsiteY2" fmla="*/ 178116 h 183191"/>
              <a:gd name="connsiteX3" fmla="*/ 17309 w 341538"/>
              <a:gd name="connsiteY3" fmla="*/ 3251 h 183191"/>
              <a:gd name="connsiteX0" fmla="*/ 17309 w 341538"/>
              <a:gd name="connsiteY0" fmla="*/ 3251 h 183191"/>
              <a:gd name="connsiteX1" fmla="*/ 341538 w 341538"/>
              <a:gd name="connsiteY1" fmla="*/ 76113 h 183191"/>
              <a:gd name="connsiteX2" fmla="*/ 75597 w 341538"/>
              <a:gd name="connsiteY2" fmla="*/ 178116 h 183191"/>
              <a:gd name="connsiteX3" fmla="*/ 17309 w 341538"/>
              <a:gd name="connsiteY3" fmla="*/ 3251 h 183191"/>
              <a:gd name="connsiteX0" fmla="*/ 17309 w 341538"/>
              <a:gd name="connsiteY0" fmla="*/ 3251 h 183191"/>
              <a:gd name="connsiteX1" fmla="*/ 341538 w 341538"/>
              <a:gd name="connsiteY1" fmla="*/ 76113 h 183191"/>
              <a:gd name="connsiteX2" fmla="*/ 75597 w 341538"/>
              <a:gd name="connsiteY2" fmla="*/ 178116 h 183191"/>
              <a:gd name="connsiteX3" fmla="*/ 17309 w 341538"/>
              <a:gd name="connsiteY3" fmla="*/ 3251 h 183191"/>
              <a:gd name="connsiteX0" fmla="*/ 17309 w 341538"/>
              <a:gd name="connsiteY0" fmla="*/ 3251 h 183191"/>
              <a:gd name="connsiteX1" fmla="*/ 341538 w 341538"/>
              <a:gd name="connsiteY1" fmla="*/ 76113 h 183191"/>
              <a:gd name="connsiteX2" fmla="*/ 75597 w 341538"/>
              <a:gd name="connsiteY2" fmla="*/ 178116 h 183191"/>
              <a:gd name="connsiteX3" fmla="*/ 17309 w 341538"/>
              <a:gd name="connsiteY3" fmla="*/ 3251 h 183191"/>
              <a:gd name="connsiteX0" fmla="*/ 17309 w 341538"/>
              <a:gd name="connsiteY0" fmla="*/ 0 h 179940"/>
              <a:gd name="connsiteX1" fmla="*/ 341538 w 341538"/>
              <a:gd name="connsiteY1" fmla="*/ 72862 h 179940"/>
              <a:gd name="connsiteX2" fmla="*/ 75597 w 341538"/>
              <a:gd name="connsiteY2" fmla="*/ 174865 h 179940"/>
              <a:gd name="connsiteX3" fmla="*/ 17309 w 341538"/>
              <a:gd name="connsiteY3" fmla="*/ 0 h 179940"/>
              <a:gd name="connsiteX0" fmla="*/ 17309 w 341538"/>
              <a:gd name="connsiteY0" fmla="*/ 0 h 179940"/>
              <a:gd name="connsiteX1" fmla="*/ 341538 w 341538"/>
              <a:gd name="connsiteY1" fmla="*/ 72862 h 179940"/>
              <a:gd name="connsiteX2" fmla="*/ 75597 w 341538"/>
              <a:gd name="connsiteY2" fmla="*/ 174865 h 179940"/>
              <a:gd name="connsiteX3" fmla="*/ 17309 w 341538"/>
              <a:gd name="connsiteY3" fmla="*/ 0 h 179940"/>
              <a:gd name="connsiteX0" fmla="*/ 3557 w 327786"/>
              <a:gd name="connsiteY0" fmla="*/ 0 h 179940"/>
              <a:gd name="connsiteX1" fmla="*/ 327786 w 327786"/>
              <a:gd name="connsiteY1" fmla="*/ 72862 h 179940"/>
              <a:gd name="connsiteX2" fmla="*/ 61845 w 327786"/>
              <a:gd name="connsiteY2" fmla="*/ 174865 h 179940"/>
              <a:gd name="connsiteX3" fmla="*/ 3557 w 327786"/>
              <a:gd name="connsiteY3" fmla="*/ 0 h 179940"/>
              <a:gd name="connsiteX0" fmla="*/ 1822 w 326051"/>
              <a:gd name="connsiteY0" fmla="*/ 0 h 199629"/>
              <a:gd name="connsiteX1" fmla="*/ 326051 w 326051"/>
              <a:gd name="connsiteY1" fmla="*/ 72862 h 199629"/>
              <a:gd name="connsiteX2" fmla="*/ 89255 w 326051"/>
              <a:gd name="connsiteY2" fmla="*/ 196724 h 199629"/>
              <a:gd name="connsiteX3" fmla="*/ 1822 w 326051"/>
              <a:gd name="connsiteY3" fmla="*/ 0 h 199629"/>
              <a:gd name="connsiteX0" fmla="*/ 1804 w 322390"/>
              <a:gd name="connsiteY0" fmla="*/ 0 h 198014"/>
              <a:gd name="connsiteX1" fmla="*/ 322390 w 322390"/>
              <a:gd name="connsiteY1" fmla="*/ 54647 h 198014"/>
              <a:gd name="connsiteX2" fmla="*/ 89237 w 322390"/>
              <a:gd name="connsiteY2" fmla="*/ 196724 h 198014"/>
              <a:gd name="connsiteX3" fmla="*/ 1804 w 322390"/>
              <a:gd name="connsiteY3" fmla="*/ 0 h 19801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22390" h="198014">
                <a:moveTo>
                  <a:pt x="1804" y="0"/>
                </a:moveTo>
                <a:lnTo>
                  <a:pt x="322390" y="54647"/>
                </a:lnTo>
                <a:cubicBezTo>
                  <a:pt x="295675" y="167581"/>
                  <a:pt x="142668" y="205832"/>
                  <a:pt x="89237" y="196724"/>
                </a:cubicBezTo>
                <a:cubicBezTo>
                  <a:pt x="35806" y="187616"/>
                  <a:pt x="-9732" y="86218"/>
                  <a:pt x="1804" y="0"/>
                </a:cubicBezTo>
                <a:close/>
              </a:path>
            </a:pathLst>
          </a:custGeom>
          <a:solidFill>
            <a:schemeClr val="accent2"/>
          </a:solidFill>
          <a:ln w="9525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1" name="Straight Arrow Connector 10"/>
          <p:cNvCxnSpPr/>
          <p:nvPr/>
        </p:nvCxnSpPr>
        <p:spPr bwMode="auto">
          <a:xfrm flipH="1">
            <a:off x="9863955" y="2780928"/>
            <a:ext cx="432048" cy="72008"/>
          </a:xfrm>
          <a:prstGeom prst="straightConnector1">
            <a:avLst/>
          </a:prstGeom>
          <a:ln>
            <a:solidFill>
              <a:srgbClr val="FF0000"/>
            </a:solidFill>
            <a:headEnd type="none" w="med" len="med"/>
            <a:tailEnd type="triangle"/>
          </a:ln>
          <a:extLst/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  <p:cxnSp>
        <p:nvCxnSpPr>
          <p:cNvPr id="13" name="Straight Arrow Connector 12"/>
          <p:cNvCxnSpPr/>
          <p:nvPr/>
        </p:nvCxnSpPr>
        <p:spPr bwMode="auto">
          <a:xfrm flipH="1">
            <a:off x="10223995" y="3212976"/>
            <a:ext cx="432048" cy="72008"/>
          </a:xfrm>
          <a:prstGeom prst="straightConnector1">
            <a:avLst/>
          </a:prstGeom>
          <a:ln>
            <a:solidFill>
              <a:srgbClr val="FF0000"/>
            </a:solidFill>
            <a:headEnd type="none" w="med" len="med"/>
            <a:tailEnd type="triangle"/>
          </a:ln>
          <a:extLst/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  <p:cxnSp>
        <p:nvCxnSpPr>
          <p:cNvPr id="14" name="Straight Arrow Connector 13"/>
          <p:cNvCxnSpPr/>
          <p:nvPr/>
        </p:nvCxnSpPr>
        <p:spPr bwMode="auto">
          <a:xfrm flipH="1">
            <a:off x="10343678" y="3717032"/>
            <a:ext cx="432048" cy="72008"/>
          </a:xfrm>
          <a:prstGeom prst="straightConnector1">
            <a:avLst/>
          </a:prstGeom>
          <a:ln>
            <a:solidFill>
              <a:srgbClr val="FF0000"/>
            </a:solidFill>
            <a:headEnd type="none" w="med" len="med"/>
            <a:tailEnd type="triangle"/>
          </a:ln>
          <a:extLst/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  <p:cxnSp>
        <p:nvCxnSpPr>
          <p:cNvPr id="15" name="Straight Arrow Connector 14"/>
          <p:cNvCxnSpPr/>
          <p:nvPr/>
        </p:nvCxnSpPr>
        <p:spPr bwMode="auto">
          <a:xfrm flipV="1">
            <a:off x="8984651" y="5147005"/>
            <a:ext cx="72008" cy="432048"/>
          </a:xfrm>
          <a:prstGeom prst="straightConnector1">
            <a:avLst/>
          </a:prstGeom>
          <a:ln>
            <a:solidFill>
              <a:srgbClr val="FF0000"/>
            </a:solidFill>
            <a:headEnd type="none" w="med" len="med"/>
            <a:tailEnd type="triangle"/>
          </a:ln>
          <a:extLst/>
        </p:spPr>
        <p:style>
          <a:lnRef idx="3">
            <a:schemeClr val="dk1"/>
          </a:lnRef>
          <a:fillRef idx="0">
            <a:schemeClr val="dk1"/>
          </a:fillRef>
          <a:effectRef idx="2">
            <a:schemeClr val="dk1"/>
          </a:effectRef>
          <a:fontRef idx="minor">
            <a:schemeClr val="tx1"/>
          </a:fontRef>
        </p:style>
      </p:cxnSp>
      <p:cxnSp>
        <p:nvCxnSpPr>
          <p:cNvPr id="16" name="Straight Arrow Connector 15"/>
          <p:cNvCxnSpPr/>
          <p:nvPr/>
        </p:nvCxnSpPr>
        <p:spPr bwMode="auto">
          <a:xfrm>
            <a:off x="9792938" y="3284984"/>
            <a:ext cx="216024" cy="288032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Content Placeholder 8"/>
          <p:cNvSpPr>
            <a:spLocks noGrp="1"/>
          </p:cNvSpPr>
          <p:nvPr>
            <p:ph idx="1"/>
          </p:nvPr>
        </p:nvSpPr>
        <p:spPr>
          <a:xfrm>
            <a:off x="326143" y="2455062"/>
            <a:ext cx="3675286" cy="1910042"/>
          </a:xfrm>
        </p:spPr>
        <p:txBody>
          <a:bodyPr/>
          <a:lstStyle/>
          <a:p>
            <a:r>
              <a:rPr lang="da-DK" dirty="0"/>
              <a:t>Og Øresund har været vores kloak </a:t>
            </a:r>
            <a:r>
              <a:rPr lang="da-DK" dirty="0" err="1"/>
              <a:t>ca</a:t>
            </a:r>
            <a:r>
              <a:rPr lang="da-DK" dirty="0"/>
              <a:t> lige så længe …</a:t>
            </a:r>
          </a:p>
          <a:p>
            <a:endParaRPr lang="da-DK" dirty="0"/>
          </a:p>
          <a:p>
            <a:r>
              <a:rPr lang="da-DK" dirty="0"/>
              <a:t>Og Christianshavn er også kunstig …</a:t>
            </a:r>
          </a:p>
        </p:txBody>
      </p:sp>
    </p:spTree>
    <p:extLst>
      <p:ext uri="{BB962C8B-B14F-4D97-AF65-F5344CB8AC3E}">
        <p14:creationId xmlns:p14="http://schemas.microsoft.com/office/powerpoint/2010/main" val="30196614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r mangler noget!!!</a:t>
            </a:r>
            <a:br>
              <a:rPr lang="da-DK" dirty="0"/>
            </a:br>
            <a:r>
              <a:rPr lang="da-DK" dirty="0"/>
              <a:t> - og det er mærkeligt at </a:t>
            </a:r>
            <a:r>
              <a:rPr lang="da-DK" dirty="0" err="1"/>
              <a:t>SMVen</a:t>
            </a:r>
            <a:r>
              <a:rPr lang="da-DK" dirty="0"/>
              <a:t> kan ekskludere det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407828" y="1706563"/>
            <a:ext cx="6046268" cy="4545012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cxnSp>
        <p:nvCxnSpPr>
          <p:cNvPr id="8" name="Straight Connector 7"/>
          <p:cNvCxnSpPr/>
          <p:nvPr/>
        </p:nvCxnSpPr>
        <p:spPr bwMode="auto">
          <a:xfrm>
            <a:off x="6527254" y="2276872"/>
            <a:ext cx="144016" cy="72008"/>
          </a:xfrm>
          <a:prstGeom prst="line">
            <a:avLst/>
          </a:prstGeom>
          <a:solidFill>
            <a:schemeClr val="accent1"/>
          </a:solidFill>
          <a:ln w="63500" cap="flat" cmpd="sng" algn="ctr">
            <a:solidFill>
              <a:schemeClr val="tx2">
                <a:lumMod val="60000"/>
                <a:lumOff val="4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/>
          <p:cNvCxnSpPr/>
          <p:nvPr/>
        </p:nvCxnSpPr>
        <p:spPr bwMode="auto">
          <a:xfrm flipV="1">
            <a:off x="5375126" y="2708920"/>
            <a:ext cx="432048" cy="72008"/>
          </a:xfrm>
          <a:prstGeom prst="line">
            <a:avLst/>
          </a:prstGeom>
          <a:solidFill>
            <a:schemeClr val="accent1"/>
          </a:solidFill>
          <a:ln w="63500" cap="flat" cmpd="sng" algn="ctr">
            <a:solidFill>
              <a:srgbClr val="FF0000"/>
            </a:solidFill>
            <a:prstDash val="sysDot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1" name="Freeform 10"/>
          <p:cNvSpPr/>
          <p:nvPr/>
        </p:nvSpPr>
        <p:spPr bwMode="auto">
          <a:xfrm rot="21259464">
            <a:off x="7415493" y="3482838"/>
            <a:ext cx="667432" cy="2706757"/>
          </a:xfrm>
          <a:custGeom>
            <a:avLst/>
            <a:gdLst>
              <a:gd name="connsiteX0" fmla="*/ 0 w 667432"/>
              <a:gd name="connsiteY0" fmla="*/ 0 h 2358887"/>
              <a:gd name="connsiteX1" fmla="*/ 397565 w 667432"/>
              <a:gd name="connsiteY1" fmla="*/ 583095 h 2358887"/>
              <a:gd name="connsiteX2" fmla="*/ 662609 w 667432"/>
              <a:gd name="connsiteY2" fmla="*/ 1537252 h 2358887"/>
              <a:gd name="connsiteX3" fmla="*/ 543339 w 667432"/>
              <a:gd name="connsiteY3" fmla="*/ 2358887 h 23588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67432" h="2358887">
                <a:moveTo>
                  <a:pt x="0" y="0"/>
                </a:moveTo>
                <a:cubicBezTo>
                  <a:pt x="143565" y="163443"/>
                  <a:pt x="287130" y="326886"/>
                  <a:pt x="397565" y="583095"/>
                </a:cubicBezTo>
                <a:cubicBezTo>
                  <a:pt x="508000" y="839304"/>
                  <a:pt x="638313" y="1241287"/>
                  <a:pt x="662609" y="1537252"/>
                </a:cubicBezTo>
                <a:cubicBezTo>
                  <a:pt x="686905" y="1833217"/>
                  <a:pt x="615122" y="2096052"/>
                  <a:pt x="543339" y="2358887"/>
                </a:cubicBezTo>
              </a:path>
            </a:pathLst>
          </a:custGeom>
          <a:noFill/>
          <a:ln w="63500" cap="flat" cmpd="sng" algn="ctr">
            <a:solidFill>
              <a:srgbClr val="FF0000"/>
            </a:solidFill>
            <a:prstDash val="sysDash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Freeform 11"/>
          <p:cNvSpPr/>
          <p:nvPr/>
        </p:nvSpPr>
        <p:spPr bwMode="auto">
          <a:xfrm>
            <a:off x="6646985" y="1821767"/>
            <a:ext cx="1279096" cy="1821766"/>
          </a:xfrm>
          <a:custGeom>
            <a:avLst/>
            <a:gdLst>
              <a:gd name="connsiteX0" fmla="*/ 0 w 1107877"/>
              <a:gd name="connsiteY0" fmla="*/ 401149 h 1850121"/>
              <a:gd name="connsiteX1" fmla="*/ 984739 w 1107877"/>
              <a:gd name="connsiteY1" fmla="*/ 28355 h 1850121"/>
              <a:gd name="connsiteX2" fmla="*/ 1019908 w 1107877"/>
              <a:gd name="connsiteY2" fmla="*/ 1076398 h 1850121"/>
              <a:gd name="connsiteX3" fmla="*/ 316523 w 1107877"/>
              <a:gd name="connsiteY3" fmla="*/ 1850121 h 1850121"/>
              <a:gd name="connsiteX0" fmla="*/ 0 w 1107877"/>
              <a:gd name="connsiteY0" fmla="*/ 401149 h 1850121"/>
              <a:gd name="connsiteX1" fmla="*/ 984739 w 1107877"/>
              <a:gd name="connsiteY1" fmla="*/ 28355 h 1850121"/>
              <a:gd name="connsiteX2" fmla="*/ 1019908 w 1107877"/>
              <a:gd name="connsiteY2" fmla="*/ 1076398 h 1850121"/>
              <a:gd name="connsiteX3" fmla="*/ 316523 w 1107877"/>
              <a:gd name="connsiteY3" fmla="*/ 1850121 h 1850121"/>
              <a:gd name="connsiteX0" fmla="*/ 0 w 1107877"/>
              <a:gd name="connsiteY0" fmla="*/ 372794 h 1821766"/>
              <a:gd name="connsiteX1" fmla="*/ 984739 w 1107877"/>
              <a:gd name="connsiteY1" fmla="*/ 0 h 1821766"/>
              <a:gd name="connsiteX2" fmla="*/ 1019908 w 1107877"/>
              <a:gd name="connsiteY2" fmla="*/ 1048043 h 1821766"/>
              <a:gd name="connsiteX3" fmla="*/ 316523 w 1107877"/>
              <a:gd name="connsiteY3" fmla="*/ 1821766 h 1821766"/>
              <a:gd name="connsiteX0" fmla="*/ 0 w 1107877"/>
              <a:gd name="connsiteY0" fmla="*/ 372794 h 1821766"/>
              <a:gd name="connsiteX1" fmla="*/ 984739 w 1107877"/>
              <a:gd name="connsiteY1" fmla="*/ 0 h 1821766"/>
              <a:gd name="connsiteX2" fmla="*/ 1019908 w 1107877"/>
              <a:gd name="connsiteY2" fmla="*/ 1048043 h 1821766"/>
              <a:gd name="connsiteX3" fmla="*/ 316523 w 1107877"/>
              <a:gd name="connsiteY3" fmla="*/ 1821766 h 1821766"/>
              <a:gd name="connsiteX0" fmla="*/ 0 w 1107877"/>
              <a:gd name="connsiteY0" fmla="*/ 372794 h 1821766"/>
              <a:gd name="connsiteX1" fmla="*/ 984739 w 1107877"/>
              <a:gd name="connsiteY1" fmla="*/ 0 h 1821766"/>
              <a:gd name="connsiteX2" fmla="*/ 1019908 w 1107877"/>
              <a:gd name="connsiteY2" fmla="*/ 1048043 h 1821766"/>
              <a:gd name="connsiteX3" fmla="*/ 316523 w 1107877"/>
              <a:gd name="connsiteY3" fmla="*/ 1821766 h 1821766"/>
              <a:gd name="connsiteX0" fmla="*/ 0 w 1086461"/>
              <a:gd name="connsiteY0" fmla="*/ 372794 h 1821766"/>
              <a:gd name="connsiteX1" fmla="*/ 984739 w 1086461"/>
              <a:gd name="connsiteY1" fmla="*/ 0 h 1821766"/>
              <a:gd name="connsiteX2" fmla="*/ 1019908 w 1086461"/>
              <a:gd name="connsiteY2" fmla="*/ 1048043 h 1821766"/>
              <a:gd name="connsiteX3" fmla="*/ 316523 w 1086461"/>
              <a:gd name="connsiteY3" fmla="*/ 1821766 h 1821766"/>
              <a:gd name="connsiteX0" fmla="*/ 0 w 1082149"/>
              <a:gd name="connsiteY0" fmla="*/ 372794 h 1821766"/>
              <a:gd name="connsiteX1" fmla="*/ 984739 w 1082149"/>
              <a:gd name="connsiteY1" fmla="*/ 0 h 1821766"/>
              <a:gd name="connsiteX2" fmla="*/ 1012874 w 1082149"/>
              <a:gd name="connsiteY2" fmla="*/ 1033976 h 1821766"/>
              <a:gd name="connsiteX3" fmla="*/ 316523 w 1082149"/>
              <a:gd name="connsiteY3" fmla="*/ 1821766 h 1821766"/>
              <a:gd name="connsiteX0" fmla="*/ 0 w 1082149"/>
              <a:gd name="connsiteY0" fmla="*/ 372794 h 1821766"/>
              <a:gd name="connsiteX1" fmla="*/ 984739 w 1082149"/>
              <a:gd name="connsiteY1" fmla="*/ 0 h 1821766"/>
              <a:gd name="connsiteX2" fmla="*/ 1012874 w 1082149"/>
              <a:gd name="connsiteY2" fmla="*/ 1033976 h 1821766"/>
              <a:gd name="connsiteX3" fmla="*/ 316523 w 1082149"/>
              <a:gd name="connsiteY3" fmla="*/ 1821766 h 1821766"/>
              <a:gd name="connsiteX0" fmla="*/ 0 w 1089183"/>
              <a:gd name="connsiteY0" fmla="*/ 344659 h 1821766"/>
              <a:gd name="connsiteX1" fmla="*/ 991773 w 1089183"/>
              <a:gd name="connsiteY1" fmla="*/ 0 h 1821766"/>
              <a:gd name="connsiteX2" fmla="*/ 1019908 w 1089183"/>
              <a:gd name="connsiteY2" fmla="*/ 1033976 h 1821766"/>
              <a:gd name="connsiteX3" fmla="*/ 323557 w 1089183"/>
              <a:gd name="connsiteY3" fmla="*/ 1821766 h 1821766"/>
              <a:gd name="connsiteX0" fmla="*/ 0 w 1279096"/>
              <a:gd name="connsiteY0" fmla="*/ 513471 h 1821766"/>
              <a:gd name="connsiteX1" fmla="*/ 1181686 w 1279096"/>
              <a:gd name="connsiteY1" fmla="*/ 0 h 1821766"/>
              <a:gd name="connsiteX2" fmla="*/ 1209821 w 1279096"/>
              <a:gd name="connsiteY2" fmla="*/ 1033976 h 1821766"/>
              <a:gd name="connsiteX3" fmla="*/ 513470 w 1279096"/>
              <a:gd name="connsiteY3" fmla="*/ 1821766 h 1821766"/>
              <a:gd name="connsiteX0" fmla="*/ 0 w 1279096"/>
              <a:gd name="connsiteY0" fmla="*/ 513471 h 1821766"/>
              <a:gd name="connsiteX1" fmla="*/ 1181686 w 1279096"/>
              <a:gd name="connsiteY1" fmla="*/ 0 h 1821766"/>
              <a:gd name="connsiteX2" fmla="*/ 1209821 w 1279096"/>
              <a:gd name="connsiteY2" fmla="*/ 1033976 h 1821766"/>
              <a:gd name="connsiteX3" fmla="*/ 513470 w 1279096"/>
              <a:gd name="connsiteY3" fmla="*/ 1821766 h 182176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79096" h="1821766">
                <a:moveTo>
                  <a:pt x="0" y="513471"/>
                </a:moveTo>
                <a:cubicBezTo>
                  <a:pt x="421445" y="270804"/>
                  <a:pt x="941363" y="98475"/>
                  <a:pt x="1181686" y="0"/>
                </a:cubicBezTo>
                <a:cubicBezTo>
                  <a:pt x="1288367" y="372794"/>
                  <a:pt x="1321190" y="730348"/>
                  <a:pt x="1209821" y="1033976"/>
                </a:cubicBezTo>
                <a:cubicBezTo>
                  <a:pt x="1098452" y="1337604"/>
                  <a:pt x="886850" y="1579684"/>
                  <a:pt x="513470" y="1821766"/>
                </a:cubicBezTo>
              </a:path>
            </a:pathLst>
          </a:custGeom>
          <a:noFill/>
          <a:ln w="63500" cap="flat" cmpd="sng" algn="ctr">
            <a:solidFill>
              <a:srgbClr val="00B050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60726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isse områder er formentlig ikke dækket af Stormflodsordningen i 2070</a:t>
            </a:r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235567" y="1706563"/>
            <a:ext cx="8390791" cy="4545012"/>
          </a:xfrm>
          <a:prstGeom prst="rect">
            <a:avLst/>
          </a:prstGeo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846747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f7b1cd9-b272-41ab-a5b5-525677b22ae8">
      <Terms xmlns="http://schemas.microsoft.com/office/infopath/2007/PartnerControls"/>
    </lcf76f155ced4ddcb4097134ff3c332f>
  </documentManagement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64369970345660","enableDocumentContentUpdater":true,"version":"1.2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A4C700E24963D40AFD8E750349A89AF" ma:contentTypeVersion="15" ma:contentTypeDescription="Opret et nyt dokument." ma:contentTypeScope="" ma:versionID="5c287dd528fec4cb264cd74e341b6be1">
  <xsd:schema xmlns:xsd="http://www.w3.org/2001/XMLSchema" xmlns:xs="http://www.w3.org/2001/XMLSchema" xmlns:p="http://schemas.microsoft.com/office/2006/metadata/properties" xmlns:ns2="bf7b1cd9-b272-41ab-a5b5-525677b22ae8" xmlns:ns3="e01cb85d-5852-47fe-bf83-bf53868a2cf9" targetNamespace="http://schemas.microsoft.com/office/2006/metadata/properties" ma:root="true" ma:fieldsID="db58b160e68b761707fca79942d28f89" ns2:_="" ns3:_="">
    <xsd:import namespace="bf7b1cd9-b272-41ab-a5b5-525677b22ae8"/>
    <xsd:import namespace="e01cb85d-5852-47fe-bf83-bf53868a2cf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f7b1cd9-b272-41ab-a5b5-525677b22ae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3" nillable="true" ma:displayName="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Billedmærker" ma:readOnly="false" ma:fieldId="{5cf76f15-5ced-4ddc-b409-7134ff3c332f}" ma:taxonomyMulti="true" ma:sspId="e6a412d2-aea5-45d9-add9-4615ec18655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01cb85d-5852-47fe-bf83-bf53868a2cf9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H+BziYZIxmPrxstGPFn6Q=="},{"name":"PresentationTitle","value":"lDoRKGuIXhhJXXk6OjVDjtxwjbtj4wtjhKB/dKKr83PL4sLzXJrmNNQtSQowXzRMqL7pIWwpZbeodfvBpIxuWzOicpb8hi8TqNyoRFJV7Hk="}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TemplateConfiguration><![CDATA[{"elementsMetadata":[{"type":"shape","id":"70f96b85-2746-4a15-b57f-74bcf1f2d393","elementConfiguration":{"binding":"UserProfile.Offices.Workarea_{{DocumentLanguage}}","disableUpdates":false,"type":"text"}},{"type":"shape","id":"7b8cf55f-1aed-4500-b47e-8b6a5043dd4c","elementConfiguration":{"binding":"Form.Date","format":"{{DateFormats.GeneralDate}}","disableUpdates":false,"type":"date"}},{"type":"shape","id":"1f272adb-de92-403d-8f16-8bec2129af95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6192FC19-95EA-41B4-8D2F-215DEA2EA67C}">
  <ds:schemaRefs>
    <ds:schemaRef ds:uri="http://purl.org/dc/terms/"/>
    <ds:schemaRef ds:uri="http://schemas.microsoft.com/office/2006/metadata/properties"/>
    <ds:schemaRef ds:uri="http://schemas.microsoft.com/office/2006/documentManagement/types"/>
    <ds:schemaRef ds:uri="9b3094fc-9eb8-4c97-9e18-5123d86e8c6a"/>
    <ds:schemaRef ds:uri="http://purl.org/dc/elements/1.1/"/>
    <ds:schemaRef ds:uri="http://schemas.microsoft.com/office/infopath/2007/PartnerControls"/>
    <ds:schemaRef ds:uri="http://schemas.openxmlformats.org/package/2006/metadata/core-properties"/>
    <ds:schemaRef ds:uri="234ef404-ed1c-4a30-b399-8b839d220925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BDF24F0A-B8FF-43DE-92DA-AC86FABA256A}">
  <ds:schemaRefs/>
</ds:datastoreItem>
</file>

<file path=customXml/itemProps3.xml><?xml version="1.0" encoding="utf-8"?>
<ds:datastoreItem xmlns:ds="http://schemas.openxmlformats.org/officeDocument/2006/customXml" ds:itemID="{5B7D4340-81E9-46AF-B909-48B68CC900EF}">
  <ds:schemaRefs/>
</ds:datastoreItem>
</file>

<file path=customXml/itemProps4.xml><?xml version="1.0" encoding="utf-8"?>
<ds:datastoreItem xmlns:ds="http://schemas.openxmlformats.org/officeDocument/2006/customXml" ds:itemID="{DA839AC1-7D6A-4CAA-A487-584CB926E2DD}"/>
</file>

<file path=customXml/itemProps5.xml><?xml version="1.0" encoding="utf-8"?>
<ds:datastoreItem xmlns:ds="http://schemas.openxmlformats.org/officeDocument/2006/customXml" ds:itemID="{9A75AE2F-93CA-4972-86BB-29AB79ACCA1E}">
  <ds:schemaRefs/>
</ds:datastoreItem>
</file>

<file path=customXml/itemProps6.xml><?xml version="1.0" encoding="utf-8"?>
<ds:datastoreItem xmlns:ds="http://schemas.openxmlformats.org/officeDocument/2006/customXml" ds:itemID="{6691D029-CDBE-471C-9ABA-F9AE55BE7C65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ABF51F55-B004-46D7-A679-5A180B2299D4}">
  <ds:schemaRefs/>
</ds:datastoreItem>
</file>

<file path=customXml/itemProps8.xml><?xml version="1.0" encoding="utf-8"?>
<ds:datastoreItem xmlns:ds="http://schemas.openxmlformats.org/officeDocument/2006/customXml" ds:itemID="{40BF509C-78FA-46F5-B5D7-7488E351E3B9}">
  <ds:schemaRefs/>
</ds:datastoreItem>
</file>

<file path=customXml/itemProps9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2680</TotalTime>
  <Words>293</Words>
  <Application>Microsoft Office PowerPoint</Application>
  <PresentationFormat>Custom</PresentationFormat>
  <Paragraphs>81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0" baseType="lpstr">
      <vt:lpstr>ＭＳ Ｐゴシック</vt:lpstr>
      <vt:lpstr>Arial</vt:lpstr>
      <vt:lpstr>Verdana</vt:lpstr>
      <vt:lpstr>Wingdings</vt:lpstr>
      <vt:lpstr>Blank</vt:lpstr>
      <vt:lpstr> Karsten Arnbjerg-Nielsen, professor, DTU Sustain </vt:lpstr>
      <vt:lpstr>Baggrund</vt:lpstr>
      <vt:lpstr>Klimatilpasning er et af kinderæggets fordele  - men det står ikke i VVM / SMV</vt:lpstr>
      <vt:lpstr>Fra rapporten</vt:lpstr>
      <vt:lpstr>Hvad er basis?</vt:lpstr>
      <vt:lpstr>Det koster CO2 at oversvømme et hus</vt:lpstr>
      <vt:lpstr>Lukning af nordlige åbning er en fortsættelse af strategien efter 1864</vt:lpstr>
      <vt:lpstr>Der mangler noget!!!  - og det er mærkeligt at SMVen kan ekskludere det</vt:lpstr>
      <vt:lpstr>Disse områder er formentlig ikke dækket af Stormflodsordningen i 2070</vt:lpstr>
      <vt:lpstr>Miljøforhold (1)</vt:lpstr>
      <vt:lpstr>Miljøforhold (2) - i forhold til SVM</vt:lpstr>
      <vt:lpstr>Klimatilpasning handler (ofte) om synergi</vt:lpstr>
      <vt:lpstr>Synergier (+/-) ved Lynetteholmen</vt:lpstr>
      <vt:lpstr>Evt alternativer skal findes hurtigt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KADKguest</cp:lastModifiedBy>
  <cp:revision>160</cp:revision>
  <dcterms:created xsi:type="dcterms:W3CDTF">2017-07-31T08:31:56Z</dcterms:created>
  <dcterms:modified xsi:type="dcterms:W3CDTF">2022-10-25T19:09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693168859324703</vt:lpwstr>
  </property>
  <property fmtid="{D5CDD505-2E9C-101B-9397-08002B2CF9AE}" pid="7" name="TemplafyLanguageCode">
    <vt:lpwstr>en-GB</vt:lpwstr>
  </property>
  <property fmtid="{D5CDD505-2E9C-101B-9397-08002B2CF9AE}" pid="8" name="ContentTypeId">
    <vt:lpwstr>0x010100CC7A44E5C41D4541A3F92ECF5D77C596</vt:lpwstr>
  </property>
</Properties>
</file>